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62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MARLENA WISKA\2020\pow. 30 tys\13PN - różne produkty lecznicze\"/>
    </mc:Choice>
  </mc:AlternateContent>
  <xr:revisionPtr revIDLastSave="0" documentId="13_ncr:1_{3486A013-3861-46FA-8A4F-14DF986D3553}" xr6:coauthVersionLast="45" xr6:coauthVersionMax="45" xr10:uidLastSave="{00000000-0000-0000-0000-000000000000}"/>
  <bookViews>
    <workbookView xWindow="-28920" yWindow="-120" windowWidth="29040" windowHeight="15840" xr2:uid="{00000000-000D-0000-FFFF-FFFF00000000}"/>
  </bookViews>
  <sheets>
    <sheet name="Formularz_cenowy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M77" i="1" l="1"/>
  <c r="M78" i="1"/>
  <c r="M79" i="1"/>
  <c r="M80" i="1"/>
  <c r="M81" i="1"/>
  <c r="M82" i="1"/>
  <c r="M76" i="1"/>
  <c r="N77" i="1"/>
  <c r="N78" i="1"/>
  <c r="N79" i="1"/>
  <c r="N80" i="1"/>
  <c r="N81" i="1"/>
  <c r="N82" i="1"/>
  <c r="N76" i="1"/>
  <c r="O77" i="1"/>
  <c r="O78" i="1"/>
  <c r="O79" i="1"/>
  <c r="O80" i="1"/>
  <c r="O81" i="1"/>
  <c r="O82" i="1"/>
  <c r="O76" i="1"/>
  <c r="K77" i="1"/>
  <c r="K78" i="1"/>
  <c r="K79" i="1"/>
  <c r="K80" i="1"/>
  <c r="K81" i="1"/>
  <c r="K82" i="1"/>
  <c r="K76" i="1"/>
  <c r="M62" i="1"/>
  <c r="N62" i="1"/>
  <c r="O62" i="1"/>
  <c r="K62" i="1"/>
  <c r="M64" i="1"/>
  <c r="M65" i="1"/>
  <c r="M66" i="1"/>
  <c r="M67" i="1"/>
  <c r="M68" i="1"/>
  <c r="M69" i="1"/>
  <c r="M70" i="1"/>
  <c r="M71" i="1"/>
  <c r="M72" i="1"/>
  <c r="M73" i="1"/>
  <c r="M74" i="1"/>
  <c r="M75" i="1"/>
  <c r="M63" i="1"/>
  <c r="N64" i="1"/>
  <c r="N65" i="1"/>
  <c r="N66" i="1"/>
  <c r="N67" i="1"/>
  <c r="N68" i="1"/>
  <c r="N69" i="1"/>
  <c r="N70" i="1"/>
  <c r="N71" i="1"/>
  <c r="N72" i="1"/>
  <c r="N73" i="1"/>
  <c r="N74" i="1"/>
  <c r="N75" i="1"/>
  <c r="N63" i="1"/>
  <c r="O64" i="1"/>
  <c r="O65" i="1"/>
  <c r="O66" i="1"/>
  <c r="O67" i="1"/>
  <c r="O68" i="1"/>
  <c r="O69" i="1"/>
  <c r="O70" i="1"/>
  <c r="O71" i="1"/>
  <c r="O72" i="1"/>
  <c r="O73" i="1"/>
  <c r="O74" i="1"/>
  <c r="O75" i="1"/>
  <c r="O63" i="1"/>
  <c r="K64" i="1"/>
  <c r="K65" i="1"/>
  <c r="K66" i="1"/>
  <c r="K67" i="1"/>
  <c r="K68" i="1"/>
  <c r="K69" i="1"/>
  <c r="K70" i="1"/>
  <c r="K71" i="1"/>
  <c r="K72" i="1"/>
  <c r="K73" i="1"/>
  <c r="K74" i="1"/>
  <c r="K75" i="1"/>
  <c r="K63" i="1"/>
  <c r="M12" i="1"/>
  <c r="M13" i="1"/>
  <c r="M14" i="1"/>
  <c r="M15" i="1"/>
  <c r="M16" i="1"/>
  <c r="M17" i="1"/>
  <c r="M18" i="1"/>
  <c r="M19" i="1"/>
  <c r="M20" i="1"/>
  <c r="M21" i="1"/>
  <c r="M22" i="1"/>
  <c r="M23" i="1"/>
  <c r="M24" i="1"/>
  <c r="M25" i="1"/>
  <c r="M26" i="1"/>
  <c r="M27" i="1"/>
  <c r="M28" i="1"/>
  <c r="M29" i="1"/>
  <c r="M30" i="1"/>
  <c r="M31" i="1"/>
  <c r="M32" i="1"/>
  <c r="M33" i="1"/>
  <c r="M34" i="1"/>
  <c r="M35" i="1"/>
  <c r="M36" i="1"/>
  <c r="M37" i="1"/>
  <c r="M38" i="1"/>
  <c r="M39" i="1"/>
  <c r="M40" i="1"/>
  <c r="M41" i="1"/>
  <c r="M42" i="1"/>
  <c r="M43" i="1"/>
  <c r="M44" i="1"/>
  <c r="M45" i="1"/>
  <c r="M46" i="1"/>
  <c r="M47" i="1"/>
  <c r="M48" i="1"/>
  <c r="M49" i="1"/>
  <c r="M50" i="1"/>
  <c r="M51" i="1"/>
  <c r="M52" i="1"/>
  <c r="M53" i="1"/>
  <c r="M54" i="1"/>
  <c r="M55" i="1"/>
  <c r="M56" i="1"/>
  <c r="M57" i="1"/>
  <c r="M58" i="1"/>
  <c r="M59" i="1"/>
  <c r="M60" i="1"/>
  <c r="M11" i="1"/>
  <c r="O12" i="1"/>
  <c r="O13" i="1"/>
  <c r="O14" i="1"/>
  <c r="O15" i="1"/>
  <c r="O16" i="1"/>
  <c r="O17" i="1"/>
  <c r="O18" i="1"/>
  <c r="O19" i="1"/>
  <c r="O20" i="1"/>
  <c r="O21" i="1"/>
  <c r="O22" i="1"/>
  <c r="O23" i="1"/>
  <c r="O24" i="1"/>
  <c r="O25" i="1"/>
  <c r="O26" i="1"/>
  <c r="O27" i="1"/>
  <c r="O28" i="1"/>
  <c r="O29" i="1"/>
  <c r="O30" i="1"/>
  <c r="O31" i="1"/>
  <c r="O32" i="1"/>
  <c r="O33" i="1"/>
  <c r="O34" i="1"/>
  <c r="O35" i="1"/>
  <c r="O36" i="1"/>
  <c r="O37" i="1"/>
  <c r="O38" i="1"/>
  <c r="O39" i="1"/>
  <c r="O40" i="1"/>
  <c r="O41" i="1"/>
  <c r="O42" i="1"/>
  <c r="O43" i="1"/>
  <c r="O44" i="1"/>
  <c r="O45" i="1"/>
  <c r="O46" i="1"/>
  <c r="O47" i="1"/>
  <c r="O48" i="1"/>
  <c r="O49" i="1"/>
  <c r="O50" i="1"/>
  <c r="O51" i="1"/>
  <c r="O52" i="1"/>
  <c r="O53" i="1"/>
  <c r="O54" i="1"/>
  <c r="O55" i="1"/>
  <c r="O56" i="1"/>
  <c r="O57" i="1"/>
  <c r="O58" i="1"/>
  <c r="O59" i="1"/>
  <c r="O60" i="1"/>
  <c r="O11" i="1"/>
  <c r="N12" i="1"/>
  <c r="N13" i="1"/>
  <c r="N14" i="1"/>
  <c r="N15" i="1"/>
  <c r="N16" i="1"/>
  <c r="N17" i="1"/>
  <c r="N18" i="1"/>
  <c r="N19" i="1"/>
  <c r="N20" i="1"/>
  <c r="N21" i="1"/>
  <c r="N22" i="1"/>
  <c r="N23" i="1"/>
  <c r="N24" i="1"/>
  <c r="N25" i="1"/>
  <c r="N26" i="1"/>
  <c r="N27" i="1"/>
  <c r="N28" i="1"/>
  <c r="N29" i="1"/>
  <c r="N30" i="1"/>
  <c r="N31" i="1"/>
  <c r="N32" i="1"/>
  <c r="N33" i="1"/>
  <c r="N34" i="1"/>
  <c r="N35" i="1"/>
  <c r="N36" i="1"/>
  <c r="N37" i="1"/>
  <c r="N38" i="1"/>
  <c r="N39" i="1"/>
  <c r="N40" i="1"/>
  <c r="N41" i="1"/>
  <c r="N42" i="1"/>
  <c r="N43" i="1"/>
  <c r="N44" i="1"/>
  <c r="N45" i="1"/>
  <c r="N46" i="1"/>
  <c r="N47" i="1"/>
  <c r="N48" i="1"/>
  <c r="N49" i="1"/>
  <c r="N50" i="1"/>
  <c r="N51" i="1"/>
  <c r="N52" i="1"/>
  <c r="N53" i="1"/>
  <c r="N54" i="1"/>
  <c r="N55" i="1"/>
  <c r="N56" i="1"/>
  <c r="N57" i="1"/>
  <c r="N58" i="1"/>
  <c r="N59" i="1"/>
  <c r="N60" i="1"/>
  <c r="N11" i="1"/>
  <c r="K12" i="1"/>
  <c r="K13" i="1"/>
  <c r="K14" i="1"/>
  <c r="K15" i="1"/>
  <c r="K16" i="1"/>
  <c r="K17" i="1"/>
  <c r="K18" i="1"/>
  <c r="K19" i="1"/>
  <c r="K20" i="1"/>
  <c r="K21" i="1"/>
  <c r="K22" i="1"/>
  <c r="K23" i="1"/>
  <c r="K24" i="1"/>
  <c r="K25" i="1"/>
  <c r="K26" i="1"/>
  <c r="K27" i="1"/>
  <c r="K28" i="1"/>
  <c r="K29" i="1"/>
  <c r="K30" i="1"/>
  <c r="K31" i="1"/>
  <c r="K32" i="1"/>
  <c r="K33" i="1"/>
  <c r="K34" i="1"/>
  <c r="K35" i="1"/>
  <c r="K36" i="1"/>
  <c r="K37" i="1"/>
  <c r="K38" i="1"/>
  <c r="K39" i="1"/>
  <c r="K40" i="1"/>
  <c r="K41" i="1"/>
  <c r="K42" i="1"/>
  <c r="K43" i="1"/>
  <c r="K44" i="1"/>
  <c r="K45" i="1"/>
  <c r="K46" i="1"/>
  <c r="K47" i="1"/>
  <c r="K48" i="1"/>
  <c r="K49" i="1"/>
  <c r="K50" i="1"/>
  <c r="K51" i="1"/>
  <c r="K52" i="1"/>
  <c r="K53" i="1"/>
  <c r="K54" i="1"/>
  <c r="K55" i="1"/>
  <c r="K56" i="1"/>
  <c r="K57" i="1"/>
  <c r="K58" i="1"/>
  <c r="K59" i="1"/>
  <c r="K60" i="1"/>
  <c r="K11" i="1"/>
</calcChain>
</file>

<file path=xl/sharedStrings.xml><?xml version="1.0" encoding="utf-8"?>
<sst xmlns="http://schemas.openxmlformats.org/spreadsheetml/2006/main" count="357" uniqueCount="169">
  <si>
    <t>Załącznik nr 2 do SIWZ</t>
  </si>
  <si>
    <t>Formularz cenowy należy wypełnić dla każdej z części, na którą  Wykonawca składa ofertę.</t>
  </si>
  <si>
    <t>W sytuacji, kiedy zaoferowany produkt, nie jest lekiem, a wyrobem medycznym - kod ean należy zastąpić numerem katalogowym</t>
  </si>
  <si>
    <t>UWAGA! ZAMAWIAJACY INFORMUJE, IŻ OBOWIĄZKIEM WYKONAWCY JEST DOKŁADNE, PRECYZYJNE OPISANE OFEROWANEGO ASORTYMENTU , ZE SZCZEGÓŁOWYM WSKAZANIEM OFEROWANYCH ROZMIARÓW, WIELKOŚCI, POJEMNOŚCI ITP. INFORMACJE TE BĘDĄ PODSTAWĄ DO SPORZĄDZENIA PRZEZ ZAMAWIAJACEGO RANKINGU NAJWYŻEJ OCENIONYCH OFERT</t>
  </si>
  <si>
    <t>FORMULARZ CENOWY</t>
  </si>
  <si>
    <t>Numer części</t>
  </si>
  <si>
    <t>Numer pozycji</t>
  </si>
  <si>
    <t>Szczegółowy opis Przedmiotu Zamówienia</t>
  </si>
  <si>
    <t>Szczegółowy opis produktu oferowanego</t>
  </si>
  <si>
    <t>Nazwa handlowa, kod ean/nr katalogowy, producent</t>
  </si>
  <si>
    <t>jedn. miary</t>
  </si>
  <si>
    <t>ilość</t>
  </si>
  <si>
    <t>cena jednostkowa netto</t>
  </si>
  <si>
    <t>wartość jednostkowa netto</t>
  </si>
  <si>
    <t>stawka VAT</t>
  </si>
  <si>
    <t>wartość VAT</t>
  </si>
  <si>
    <t>cena jednostkowa brutto</t>
  </si>
  <si>
    <t>wartość jednostkowa brutto</t>
  </si>
  <si>
    <t>Acidum boricum 100 g</t>
  </si>
  <si>
    <t>g</t>
  </si>
  <si>
    <t>Razem brutto dla części  nr 1</t>
  </si>
  <si>
    <t>Ammonii bitominosulfonas 50 g</t>
  </si>
  <si>
    <t>Razem brutto dla części  nr 2</t>
  </si>
  <si>
    <t>Argenti nitras 25 g</t>
  </si>
  <si>
    <t>Razem brutto dla części  nr 3</t>
  </si>
  <si>
    <t>Balsamum peruvianum 100 g</t>
  </si>
  <si>
    <t>Razem brutto dla części  nr 4</t>
  </si>
  <si>
    <t>Benzocainum 50 g</t>
  </si>
  <si>
    <t>Razem brutto dla części  nr 5</t>
  </si>
  <si>
    <t>Chlorhexidinum gluconatis 20 % 500 g</t>
  </si>
  <si>
    <t>Razem brutto dla części  nr 6</t>
  </si>
  <si>
    <t>Ephedrinum hydrochloricum 5 g</t>
  </si>
  <si>
    <t>Razem brutto dla części  nr 7</t>
  </si>
  <si>
    <t>Ethacridini lactas 10 g</t>
  </si>
  <si>
    <t>Razem brutto dla części  nr 8</t>
  </si>
  <si>
    <t>Eucerinum podłoże maściowe 500 g</t>
  </si>
  <si>
    <t>Razem brutto dla części  nr 9</t>
  </si>
  <si>
    <t>Glicerolum 86 % płyn 1 000 g</t>
  </si>
  <si>
    <t>Razem brutto dla części  nr 10</t>
  </si>
  <si>
    <t>Razem brutto dla części  nr 11</t>
  </si>
  <si>
    <t>Hydrocortisonum 10 g</t>
  </si>
  <si>
    <t>Razem brutto dla części  nr 12</t>
  </si>
  <si>
    <t>Iodum 5 g</t>
  </si>
  <si>
    <t>Razem brutto dla części  nr 13</t>
  </si>
  <si>
    <t>Kalii iodidum</t>
  </si>
  <si>
    <t>Razem brutto dla części  nr 14</t>
  </si>
  <si>
    <t>Kalii permanganas 5 g</t>
  </si>
  <si>
    <t>Razem brutto dla części  nr 15</t>
  </si>
  <si>
    <t>Lactosum monohydricum 100 g</t>
  </si>
  <si>
    <t>Razem brutto dla części  nr 16</t>
  </si>
  <si>
    <t>Natrii citras</t>
  </si>
  <si>
    <t>Razem brutto dla części  nr 17</t>
  </si>
  <si>
    <t>Natrii tetraboras 1000 g</t>
  </si>
  <si>
    <t>Razem brutto dla części  nr 18</t>
  </si>
  <si>
    <t>Neomycini sulfas 5 g</t>
  </si>
  <si>
    <t>Razem brutto dla części  nr 19</t>
  </si>
  <si>
    <t>Nystatinum 10 g</t>
  </si>
  <si>
    <t>Razem brutto dla części  nr 20</t>
  </si>
  <si>
    <t>Oleum cacao 500 g</t>
  </si>
  <si>
    <t>Razem brutto dla części  nr 21</t>
  </si>
  <si>
    <t>Parafinum liquidum 800 g</t>
  </si>
  <si>
    <t>Razem brutto dla części  nr 22</t>
  </si>
  <si>
    <t>Vaselinum album 1000 g</t>
  </si>
  <si>
    <t>Razem brutto dla części  nr 23</t>
  </si>
  <si>
    <t>Razem brutto dla części  nr 24</t>
  </si>
  <si>
    <t>Natrii chloridum</t>
  </si>
  <si>
    <t>Razem brutto dla części  nr 25</t>
  </si>
  <si>
    <t>Urea pura</t>
  </si>
  <si>
    <t>Razem brutto dla części  nr 26</t>
  </si>
  <si>
    <t>Carbo medicinalis 250g</t>
  </si>
  <si>
    <t>Razem brutto dla części  nr 27</t>
  </si>
  <si>
    <t>Disodu fosforan dwunastowodny</t>
  </si>
  <si>
    <t>Razem brutto dla części  nr 28</t>
  </si>
  <si>
    <t>Natrium phosphoricum monobasicum</t>
  </si>
  <si>
    <t>Razem brutto dla części  nr 29</t>
  </si>
  <si>
    <t>Phenobarbital , substancja</t>
  </si>
  <si>
    <t>Razem brutto dla części  nr 30</t>
  </si>
  <si>
    <t>Metildigoxin   0, 1 mg x 30 tabl.</t>
  </si>
  <si>
    <t>op.</t>
  </si>
  <si>
    <t>Razem brutto dla części  nr 31</t>
  </si>
  <si>
    <t>Razem brutto dla części  nr 32</t>
  </si>
  <si>
    <t>Canrenoate Potassium  0, 02 g/ ml  10 ml  x  10 amp./</t>
  </si>
  <si>
    <t>Razem brutto dla części  nr 33</t>
  </si>
  <si>
    <t>Razem brutto dla części  nr 34</t>
  </si>
  <si>
    <t>Razem brutto dla części  nr 35</t>
  </si>
  <si>
    <t>Razem brutto dla części  nr 36</t>
  </si>
  <si>
    <t>Hepatitis B immune globulin 200j.m. amp. 1ml</t>
  </si>
  <si>
    <t>amp.</t>
  </si>
  <si>
    <t>Razem brutto dla części  nr 37</t>
  </si>
  <si>
    <t>Razem brutto dla części  nr 38</t>
  </si>
  <si>
    <t>Razem brutto dla części  nr 39</t>
  </si>
  <si>
    <t>Razem brutto dla części  nr 40</t>
  </si>
  <si>
    <t>Razem brutto dla części  nr 41</t>
  </si>
  <si>
    <t>Razem brutto dla części  nr 42</t>
  </si>
  <si>
    <t>Razem brutto dla części  nr 43</t>
  </si>
  <si>
    <t>Razem brutto dla części  nr 44</t>
  </si>
  <si>
    <t>Phytomenadion 0,025 mg x 30 kaps typu twist-off</t>
  </si>
  <si>
    <t>Razem brutto dla części  nr 45</t>
  </si>
  <si>
    <t>Razem brutto dla części  nr 46</t>
  </si>
  <si>
    <t>Razem brutto dla części  nr 47</t>
  </si>
  <si>
    <t>Razem brutto dla części  nr 48</t>
  </si>
  <si>
    <t>Tuberculin 2T.U./0,1ml = 1 dawka=0,04 mcg /0,1 ml   x 1 fiol. 1,5 ml</t>
  </si>
  <si>
    <t>fiol</t>
  </si>
  <si>
    <t>op</t>
  </si>
  <si>
    <t>Palonosetron 0,5 mg kapsułka</t>
  </si>
  <si>
    <t>fiol.</t>
  </si>
  <si>
    <t>Darbepoetin alfa 0,5mg/1ml , roztwór do wstrzykiwań , wskazania objęte refundacją.</t>
  </si>
  <si>
    <t>wstrzykiwacz</t>
  </si>
  <si>
    <t>Fludarabine 25mg/ml koncentrat fiolka 2ml, wskazania objęte refundacją</t>
  </si>
  <si>
    <t>fiolka</t>
  </si>
  <si>
    <t>Mitomycin 10mg, proszek do sporządzenia roztworu do wstrzykiwań , infuzji  fiolka</t>
  </si>
  <si>
    <t>Mitoxantrone 0,02 g / 10 ml,koncentrat do sporządzania roztworu do infuzji, wskazania objęte refundacją.</t>
  </si>
  <si>
    <t>Bevacizumab , koncentrat do sporządzania roztworu do infuzji 25 mg/ ml ( 100 mg / 4 ml ), fiolka</t>
  </si>
  <si>
    <t>Phenobarbital/  0, 015 x 10 czopków</t>
  </si>
  <si>
    <t>Chloroprocaine hydrochloride 10 mg/ml a 5 ml amp.</t>
  </si>
  <si>
    <t>Erythromycinum 300 mg inj.</t>
  </si>
  <si>
    <t>Valganciclovir 450 mg tabl powl x 60 szt</t>
  </si>
  <si>
    <t>Erythromycin 200 mg x 16 tabl.</t>
  </si>
  <si>
    <t>Fosamil ceftaroliny fiolka 600 mg, proszek do sporządzania koncentratu roztworu do infuzji</t>
  </si>
  <si>
    <t>Fluorescein test. X 100 szt.</t>
  </si>
  <si>
    <t>Topotecan 1 mg x 10 tabl.</t>
  </si>
  <si>
    <t>Topotecan 0,25 mg x 10 tabl.</t>
  </si>
  <si>
    <t>Daptomycyna 350 mg , proszek do sporządzania koncentratu do sporządzania roztworu do infuzji</t>
  </si>
  <si>
    <t>Daptomycyna 600 mg , proszek do sporządzania koncentratu do sporządzania roztworu do infuzji</t>
  </si>
  <si>
    <t>DZPZ/333/13PN/2020</t>
  </si>
  <si>
    <t>Dimaleinian piksantronu, proszek do sporządzania koncentratu  roztworu do infuzji, fiolka 29 mg</t>
  </si>
  <si>
    <t>Cinacalceti hydrochloridum 30 mg , tabletki powlekane x 28 tabl. ( bez zawartości laktozy)</t>
  </si>
  <si>
    <t>Cinacalceti hydrochloridum 60 mg , tabletki powlekane x 28  tabl.( bez zawartości laktozy)</t>
  </si>
  <si>
    <t xml:space="preserve">Diazepam 5 mg x 20 tabletek </t>
  </si>
  <si>
    <t>Dacarbazinum , proszek do sporządzania roztworu do wstrzykiwań lub  infuzji -200 mg</t>
  </si>
  <si>
    <t xml:space="preserve">Dacarbazinum , proszek do sporządzania roztworu do   infuzji -1000 mg </t>
  </si>
  <si>
    <t>Acetylocysteina , roztwór do infuzji 100mg/ ml ( 300mg/ 3 ml)</t>
  </si>
  <si>
    <t>Ceftolozan 1 g + 0,5 g tazobaktam, proszek do sporządzania roztworu do infuzji</t>
  </si>
  <si>
    <t>Calcium chloratum 67 mg/ml , roztwór do wstrzykiwań,każda ampułka ( 10 ml roztworu ) zawiera 670 mg wapnia chlorku dwuwodnego, co dpowiada 4,6 mmol (183 mg) jonów wapnia ; op. X 10 amp.</t>
  </si>
  <si>
    <t>Ropiwakaina  ,roztwór do wstrzykiwań 5 mg/ ml , amp. 10 ml ; op. x 5 amp.</t>
  </si>
  <si>
    <t>Escitalopram 10 mg , tabletki powlekane x 28 tabl.</t>
  </si>
  <si>
    <t xml:space="preserve">Ksylometazolina , krople do nosa roztwór  0,1 % ( 1 mg/ ml ) </t>
  </si>
  <si>
    <t xml:space="preserve">Retinoli palmitas , płyn doustny 50 000 j.m. / 10 ml </t>
  </si>
  <si>
    <t xml:space="preserve">Anidulafungina, proszek do sporządzania koncentratu roztworu do infuzji , 100 mg </t>
  </si>
  <si>
    <t xml:space="preserve">Trastuzumabum emtansinum , proszek do sporządzania koncentratu roztworu do infuzji , 100 mg </t>
  </si>
  <si>
    <t>Lapatynibum 250 mg , tabletki powlekane , op. x 70 tabletek</t>
  </si>
  <si>
    <t>Palbociclibum , kapsułki twarde 75 mg , op. x 21 kaps.</t>
  </si>
  <si>
    <t>Palbociclibum , kapsułki twarde 100 mg , op. x 21 kaps.</t>
  </si>
  <si>
    <t>Palbociclibum , kapsułki twarde 125 mg , op. x 21 kaps.</t>
  </si>
  <si>
    <t xml:space="preserve">Pertuzumabum , koncentrat do sporządzania roztworu do infuzji , 420 mg </t>
  </si>
  <si>
    <t xml:space="preserve">Trastuzumabum, proszek do sporządzania koncentratu roztworu do infuzji , 150 mg </t>
  </si>
  <si>
    <t>Ilość - prawo opcji dla programów lekowych</t>
  </si>
  <si>
    <t>Ilosć razem do wyceny dla programów lekowych</t>
  </si>
  <si>
    <t>xxx</t>
  </si>
  <si>
    <t>Razem brutto dla części nr 49</t>
  </si>
  <si>
    <t>Razem brutto dla części nr 50</t>
  </si>
  <si>
    <t>Razem brutto dla części nr 51</t>
  </si>
  <si>
    <t>Razem brutto dla części nr 52</t>
  </si>
  <si>
    <t>Razem brutto dla części nr 53</t>
  </si>
  <si>
    <t>Razem brutto dla części nr 54</t>
  </si>
  <si>
    <t>Razem brutto dla części nr 55</t>
  </si>
  <si>
    <t>Razem brutto dla części nr 56</t>
  </si>
  <si>
    <t>Razem brutto dla części nr 57</t>
  </si>
  <si>
    <t>Razem brutto dla części nr 58</t>
  </si>
  <si>
    <t>Razem brutto dla części nr 59</t>
  </si>
  <si>
    <t>Razem brutto dla części nr 60</t>
  </si>
  <si>
    <t>Razem brutto dla części nr 61</t>
  </si>
  <si>
    <t>Razem brutto dla części nr 62</t>
  </si>
  <si>
    <t>Razem brutto dla części nr 63</t>
  </si>
  <si>
    <t>Razem brutto dla części nr 64</t>
  </si>
  <si>
    <t>Razem brutto dla części nr 65</t>
  </si>
  <si>
    <t>Razem brutto dla części nr 66</t>
  </si>
  <si>
    <t>data i podpis Wykonawcy</t>
  </si>
  <si>
    <r>
      <t xml:space="preserve">Zamawiajacy wymaga aby produkty zaoferowane </t>
    </r>
    <r>
      <rPr>
        <b/>
        <strike/>
        <sz val="11"/>
        <color rgb="FFFF3333"/>
        <rFont val="Times New Roman"/>
        <family val="1"/>
        <charset val="238"/>
      </rPr>
      <t xml:space="preserve">we wszystkich pozycjach w ramach części pochodziły od jednego producenta. </t>
    </r>
    <r>
      <rPr>
        <b/>
        <sz val="11"/>
        <color rgb="FFFF3333"/>
        <rFont val="Times New Roman"/>
        <family val="1"/>
        <charset val="238"/>
      </rPr>
      <t>w częsci nr 49 ( pozycja 1 i 2 )  pochodziły od jednego producenta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&quot;[$zł-415];[Red]&quot;-&quot;#,##0.00&quot; &quot;[$zł-415]"/>
  </numFmts>
  <fonts count="37" x14ac:knownFonts="1">
    <font>
      <sz val="11"/>
      <color rgb="FF000000"/>
      <name val="Arial CE"/>
      <charset val="238"/>
    </font>
    <font>
      <sz val="11"/>
      <color rgb="FF000000"/>
      <name val="Calibri"/>
      <family val="2"/>
      <charset val="238"/>
    </font>
    <font>
      <sz val="11"/>
      <color rgb="FFFFFFFF"/>
      <name val="Calibri"/>
      <family val="2"/>
      <charset val="238"/>
    </font>
    <font>
      <sz val="10"/>
      <color rgb="FF000000"/>
      <name val="Arial"/>
      <family val="2"/>
      <charset val="238"/>
    </font>
    <font>
      <sz val="11"/>
      <color rgb="FF333399"/>
      <name val="Calibri"/>
      <family val="2"/>
      <charset val="238"/>
    </font>
    <font>
      <b/>
      <sz val="11"/>
      <color rgb="FF333333"/>
      <name val="Calibri"/>
      <family val="2"/>
      <charset val="238"/>
    </font>
    <font>
      <sz val="11"/>
      <color rgb="FF008000"/>
      <name val="Calibri"/>
      <family val="2"/>
      <charset val="238"/>
    </font>
    <font>
      <b/>
      <i/>
      <sz val="16"/>
      <color rgb="FF000000"/>
      <name val="Arial CE"/>
      <charset val="238"/>
    </font>
    <font>
      <b/>
      <i/>
      <sz val="16"/>
      <color rgb="FF000000"/>
      <name val="Liberation Sans"/>
      <family val="2"/>
      <charset val="238"/>
    </font>
    <font>
      <sz val="11"/>
      <color rgb="FFFF9900"/>
      <name val="Calibri"/>
      <family val="2"/>
      <charset val="238"/>
    </font>
    <font>
      <b/>
      <sz val="11"/>
      <color rgb="FFFFFFFF"/>
      <name val="Calibri"/>
      <family val="2"/>
      <charset val="238"/>
    </font>
    <font>
      <b/>
      <sz val="15"/>
      <color rgb="FF666699"/>
      <name val="Calibri"/>
      <family val="2"/>
      <charset val="238"/>
    </font>
    <font>
      <b/>
      <sz val="13"/>
      <color rgb="FF666699"/>
      <name val="Calibri"/>
      <family val="2"/>
      <charset val="238"/>
    </font>
    <font>
      <b/>
      <sz val="11"/>
      <color rgb="FF666699"/>
      <name val="Calibri"/>
      <family val="2"/>
      <charset val="238"/>
    </font>
    <font>
      <sz val="11"/>
      <color rgb="FF993300"/>
      <name val="Calibri"/>
      <family val="2"/>
      <charset val="238"/>
    </font>
    <font>
      <sz val="10"/>
      <color rgb="FF000000"/>
      <name val="Arial CE"/>
      <charset val="238"/>
    </font>
    <font>
      <sz val="11"/>
      <color rgb="FF000000"/>
      <name val="Liberation Sans"/>
      <family val="2"/>
      <charset val="238"/>
    </font>
    <font>
      <b/>
      <sz val="11"/>
      <color rgb="FFFF9900"/>
      <name val="Calibri"/>
      <family val="2"/>
      <charset val="238"/>
    </font>
    <font>
      <b/>
      <i/>
      <u/>
      <sz val="11"/>
      <color rgb="FF000000"/>
      <name val="Arial CE"/>
      <charset val="238"/>
    </font>
    <font>
      <b/>
      <i/>
      <u/>
      <sz val="11"/>
      <color rgb="FF000000"/>
      <name val="Liberation Sans"/>
      <family val="2"/>
      <charset val="238"/>
    </font>
    <font>
      <b/>
      <sz val="11"/>
      <color rgb="FF000000"/>
      <name val="Calibri"/>
      <family val="2"/>
      <charset val="238"/>
    </font>
    <font>
      <i/>
      <sz val="11"/>
      <color rgb="FF7F7F7F"/>
      <name val="Calibri"/>
      <family val="2"/>
      <charset val="238"/>
    </font>
    <font>
      <sz val="11"/>
      <color rgb="FFFF0000"/>
      <name val="Calibri"/>
      <family val="2"/>
      <charset val="238"/>
    </font>
    <font>
      <sz val="18"/>
      <color rgb="FF666699"/>
      <name val="Calibri Light"/>
      <family val="2"/>
      <charset val="238"/>
    </font>
    <font>
      <sz val="11"/>
      <color rgb="FF800080"/>
      <name val="Calibri"/>
      <family val="2"/>
      <charset val="238"/>
    </font>
    <font>
      <b/>
      <sz val="12"/>
      <color rgb="FF000000"/>
      <name val="Times New Roman"/>
      <family val="1"/>
      <charset val="238"/>
    </font>
    <font>
      <b/>
      <sz val="12"/>
      <color rgb="FFFF0000"/>
      <name val="Times New Roman"/>
      <family val="1"/>
      <charset val="238"/>
    </font>
    <font>
      <sz val="12"/>
      <color rgb="FF000000"/>
      <name val="Calibri"/>
      <family val="2"/>
      <charset val="238"/>
    </font>
    <font>
      <b/>
      <sz val="12"/>
      <color rgb="FFFF0000"/>
      <name val="Calibri"/>
      <family val="2"/>
      <charset val="238"/>
    </font>
    <font>
      <b/>
      <sz val="14"/>
      <color rgb="FFFF0000"/>
      <name val="Times New Roman"/>
      <family val="1"/>
      <charset val="238"/>
    </font>
    <font>
      <b/>
      <sz val="11"/>
      <color rgb="FF000000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11"/>
      <color rgb="FFFF3333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b/>
      <sz val="12"/>
      <color rgb="FF000000"/>
      <name val="Calibri"/>
      <family val="2"/>
      <charset val="238"/>
    </font>
    <font>
      <sz val="8"/>
      <name val="Arial CE"/>
      <charset val="238"/>
    </font>
    <font>
      <b/>
      <strike/>
      <sz val="11"/>
      <color rgb="FFFF3333"/>
      <name val="Times New Roman"/>
      <family val="1"/>
      <charset val="238"/>
    </font>
  </fonts>
  <fills count="23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FFCC99"/>
        <bgColor rgb="FFFFCC99"/>
      </patternFill>
    </fill>
    <fill>
      <patternFill patternType="solid">
        <fgColor rgb="FFFFFFFF"/>
        <bgColor rgb="FFFFFFFF"/>
      </patternFill>
    </fill>
    <fill>
      <patternFill patternType="solid">
        <fgColor rgb="FFFFFFCC"/>
        <bgColor rgb="FFFFFFCC"/>
      </patternFill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C0C0C0"/>
        <bgColor rgb="FFC0C0C0"/>
      </patternFill>
    </fill>
    <fill>
      <patternFill patternType="solid">
        <fgColor rgb="FFFFFF99"/>
        <bgColor rgb="FFFFFF99"/>
      </patternFill>
    </fill>
    <fill>
      <patternFill patternType="solid">
        <fgColor rgb="FF666699"/>
        <bgColor rgb="FF666699"/>
      </patternFill>
    </fill>
    <fill>
      <patternFill patternType="solid">
        <fgColor rgb="FF339966"/>
        <bgColor rgb="FF339966"/>
      </patternFill>
    </fill>
    <fill>
      <patternFill patternType="solid">
        <fgColor rgb="FF333399"/>
        <bgColor rgb="FF333399"/>
      </patternFill>
    </fill>
    <fill>
      <patternFill patternType="solid">
        <fgColor rgb="FFFF6600"/>
        <bgColor rgb="FFFF6600"/>
      </patternFill>
    </fill>
    <fill>
      <patternFill patternType="solid">
        <fgColor rgb="FFB2B2B2"/>
        <bgColor rgb="FFB2B2B2"/>
      </patternFill>
    </fill>
    <fill>
      <patternFill patternType="solid">
        <fgColor rgb="FFFFCC00"/>
        <bgColor rgb="FFFFCC00"/>
      </patternFill>
    </fill>
    <fill>
      <patternFill patternType="solid">
        <fgColor rgb="FFFF0000"/>
        <bgColor rgb="FFFF0000"/>
      </patternFill>
    </fill>
    <fill>
      <patternFill patternType="solid">
        <fgColor rgb="FFFF99CC"/>
        <bgColor rgb="FFFF99CC"/>
      </patternFill>
    </fill>
    <fill>
      <patternFill patternType="solid">
        <fgColor rgb="FFCCFF00"/>
        <bgColor rgb="FFCCFF00"/>
      </patternFill>
    </fill>
    <fill>
      <patternFill patternType="solid">
        <fgColor theme="2"/>
        <bgColor indexed="64"/>
      </patternFill>
    </fill>
    <fill>
      <patternFill patternType="solid">
        <fgColor rgb="FFFFFF00"/>
        <bgColor rgb="FFFFFFFF"/>
      </patternFill>
    </fill>
    <fill>
      <patternFill patternType="solid">
        <fgColor rgb="FFFFFF00"/>
        <bgColor indexed="64"/>
      </patternFill>
    </fill>
    <fill>
      <patternFill patternType="solid">
        <fgColor rgb="FFFFFF00"/>
        <bgColor rgb="FFFFFF99"/>
      </patternFill>
    </fill>
  </fills>
  <borders count="16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33333"/>
      </left>
      <right style="thin">
        <color rgb="FF333333"/>
      </right>
      <top style="thin">
        <color rgb="FF333333"/>
      </top>
      <bottom style="thin">
        <color rgb="FF333333"/>
      </bottom>
      <diagonal/>
    </border>
    <border>
      <left/>
      <right/>
      <top/>
      <bottom style="double">
        <color rgb="FF000000"/>
      </bottom>
      <diagonal/>
    </border>
    <border>
      <left style="double">
        <color rgb="FF000000"/>
      </left>
      <right style="double">
        <color rgb="FF000000"/>
      </right>
      <top style="double">
        <color rgb="FF000000"/>
      </top>
      <bottom style="double">
        <color rgb="FF000000"/>
      </bottom>
      <diagonal/>
    </border>
    <border>
      <left/>
      <right/>
      <top/>
      <bottom style="medium">
        <color rgb="FF333399"/>
      </bottom>
      <diagonal/>
    </border>
    <border>
      <left/>
      <right/>
      <top/>
      <bottom style="medium">
        <color rgb="FF99CCFF"/>
      </bottom>
      <diagonal/>
    </border>
    <border>
      <left/>
      <right/>
      <top/>
      <bottom style="thin">
        <color rgb="FF99CCFF"/>
      </bottom>
      <diagonal/>
    </border>
    <border>
      <left/>
      <right/>
      <top style="thin">
        <color rgb="FF333399"/>
      </top>
      <bottom style="double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60">
    <xf numFmtId="0" fontId="0" fillId="0" borderId="0"/>
    <xf numFmtId="0" fontId="23" fillId="0" borderId="0" applyNumberFormat="0" applyBorder="0" applyProtection="0"/>
    <xf numFmtId="0" fontId="11" fillId="0" borderId="6" applyNumberFormat="0" applyProtection="0"/>
    <xf numFmtId="0" fontId="12" fillId="0" borderId="7" applyNumberFormat="0" applyProtection="0"/>
    <xf numFmtId="0" fontId="13" fillId="0" borderId="8" applyNumberFormat="0" applyProtection="0"/>
    <xf numFmtId="0" fontId="13" fillId="0" borderId="0" applyNumberFormat="0" applyBorder="0" applyProtection="0"/>
    <xf numFmtId="0" fontId="6" fillId="6" borderId="0" applyNumberFormat="0" applyBorder="0" applyProtection="0"/>
    <xf numFmtId="0" fontId="24" fillId="17" borderId="0" applyNumberFormat="0" applyBorder="0" applyProtection="0"/>
    <xf numFmtId="0" fontId="14" fillId="9" borderId="0" applyNumberFormat="0" applyBorder="0" applyProtection="0"/>
    <xf numFmtId="0" fontId="4" fillId="3" borderId="1" applyNumberFormat="0" applyProtection="0"/>
    <xf numFmtId="0" fontId="5" fillId="4" borderId="3" applyNumberFormat="0" applyProtection="0"/>
    <xf numFmtId="0" fontId="17" fillId="4" borderId="1" applyNumberFormat="0" applyProtection="0"/>
    <xf numFmtId="0" fontId="9" fillId="0" borderId="4" applyNumberFormat="0" applyProtection="0"/>
    <xf numFmtId="0" fontId="10" fillId="14" borderId="5" applyNumberFormat="0" applyProtection="0"/>
    <xf numFmtId="0" fontId="22" fillId="0" borderId="0" applyNumberFormat="0" applyBorder="0" applyProtection="0"/>
    <xf numFmtId="0" fontId="15" fillId="5" borderId="2" applyNumberFormat="0" applyProtection="0"/>
    <xf numFmtId="0" fontId="21" fillId="0" borderId="0" applyNumberFormat="0" applyBorder="0" applyProtection="0"/>
    <xf numFmtId="0" fontId="20" fillId="0" borderId="9" applyNumberFormat="0" applyProtection="0"/>
    <xf numFmtId="0" fontId="2" fillId="12" borderId="0" applyNumberFormat="0" applyBorder="0" applyProtection="0"/>
    <xf numFmtId="0" fontId="1" fillId="2" borderId="0" applyNumberFormat="0" applyBorder="0" applyProtection="0"/>
    <xf numFmtId="0" fontId="1" fillId="7" borderId="0" applyNumberFormat="0" applyBorder="0" applyProtection="0"/>
    <xf numFmtId="0" fontId="2" fillId="7" borderId="0" applyNumberFormat="0" applyBorder="0" applyProtection="0"/>
    <xf numFmtId="0" fontId="2" fillId="13" borderId="0" applyNumberFormat="0" applyBorder="0" applyProtection="0"/>
    <xf numFmtId="0" fontId="1" fillId="3" borderId="0" applyNumberFormat="0" applyBorder="0" applyProtection="0"/>
    <xf numFmtId="0" fontId="1" fillId="3" borderId="0" applyNumberFormat="0" applyBorder="0" applyProtection="0"/>
    <xf numFmtId="0" fontId="2" fillId="3" borderId="0" applyNumberFormat="0" applyBorder="0" applyProtection="0"/>
    <xf numFmtId="0" fontId="2" fillId="14" borderId="0" applyNumberFormat="0" applyBorder="0" applyProtection="0"/>
    <xf numFmtId="0" fontId="1" fillId="4" borderId="0" applyNumberFormat="0" applyBorder="0" applyProtection="0"/>
    <xf numFmtId="0" fontId="1" fillId="8" borderId="0" applyNumberFormat="0" applyBorder="0" applyProtection="0"/>
    <xf numFmtId="0" fontId="2" fillId="8" borderId="0" applyNumberFormat="0" applyBorder="0" applyProtection="0"/>
    <xf numFmtId="0" fontId="2" fillId="15" borderId="0" applyNumberFormat="0" applyBorder="0" applyProtection="0"/>
    <xf numFmtId="0" fontId="1" fillId="5" borderId="0" applyNumberFormat="0" applyBorder="0" applyProtection="0"/>
    <xf numFmtId="0" fontId="1" fillId="9" borderId="0" applyNumberFormat="0" applyBorder="0" applyProtection="0"/>
    <xf numFmtId="0" fontId="2" fillId="9" borderId="0" applyNumberFormat="0" applyBorder="0" applyProtection="0"/>
    <xf numFmtId="0" fontId="2" fillId="12" borderId="0" applyNumberFormat="0" applyBorder="0" applyProtection="0"/>
    <xf numFmtId="0" fontId="1" fillId="4" borderId="0" applyNumberFormat="0" applyBorder="0" applyProtection="0"/>
    <xf numFmtId="0" fontId="1" fillId="7" borderId="0" applyNumberFormat="0" applyBorder="0" applyProtection="0"/>
    <xf numFmtId="0" fontId="2" fillId="10" borderId="0" applyNumberFormat="0" applyBorder="0" applyProtection="0"/>
    <xf numFmtId="0" fontId="2" fillId="11" borderId="0" applyNumberFormat="0" applyBorder="0" applyProtection="0"/>
    <xf numFmtId="0" fontId="1" fillId="6" borderId="0" applyNumberFormat="0" applyBorder="0" applyProtection="0"/>
    <xf numFmtId="0" fontId="1" fillId="9" borderId="0" applyNumberFormat="0" applyBorder="0" applyProtection="0"/>
    <xf numFmtId="0" fontId="2" fillId="11" borderId="0" applyNumberFormat="0" applyBorder="0" applyProtection="0"/>
    <xf numFmtId="0" fontId="3" fillId="16" borderId="0" applyNumberFormat="0" applyBorder="0" applyProtection="0"/>
    <xf numFmtId="0" fontId="3" fillId="0" borderId="0" applyNumberFormat="0" applyBorder="0" applyProtection="0"/>
    <xf numFmtId="0" fontId="7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/>
    </xf>
    <xf numFmtId="0" fontId="7" fillId="0" borderId="0" applyNumberFormat="0" applyBorder="0" applyProtection="0">
      <alignment horizontal="center" textRotation="90"/>
    </xf>
    <xf numFmtId="0" fontId="8" fillId="0" borderId="0" applyNumberFormat="0" applyBorder="0" applyProtection="0">
      <alignment horizontal="center" textRotation="90"/>
    </xf>
    <xf numFmtId="0" fontId="15" fillId="0" borderId="0" applyNumberFormat="0" applyBorder="0" applyProtection="0"/>
    <xf numFmtId="0" fontId="3" fillId="0" borderId="0" applyNumberFormat="0" applyBorder="0" applyProtection="0"/>
    <xf numFmtId="0" fontId="16" fillId="0" borderId="0" applyNumberFormat="0" applyBorder="0" applyProtection="0"/>
    <xf numFmtId="0" fontId="18" fillId="0" borderId="0" applyNumberFormat="0" applyBorder="0" applyProtection="0"/>
    <xf numFmtId="0" fontId="19" fillId="0" borderId="0" applyNumberFormat="0" applyBorder="0" applyProtection="0"/>
    <xf numFmtId="164" fontId="18" fillId="0" borderId="0" applyBorder="0" applyProtection="0"/>
    <xf numFmtId="164" fontId="19" fillId="0" borderId="0" applyBorder="0" applyProtection="0"/>
    <xf numFmtId="0" fontId="1" fillId="2" borderId="0" applyNumberFormat="0" applyBorder="0" applyProtection="0"/>
    <xf numFmtId="0" fontId="8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 textRotation="90"/>
    </xf>
    <xf numFmtId="0" fontId="19" fillId="0" borderId="0" applyNumberFormat="0" applyBorder="0" applyProtection="0"/>
    <xf numFmtId="164" fontId="19" fillId="0" borderId="0" applyBorder="0" applyProtection="0"/>
  </cellStyleXfs>
  <cellXfs count="88">
    <xf numFmtId="0" fontId="0" fillId="0" borderId="0" xfId="0"/>
    <xf numFmtId="0" fontId="25" fillId="0" borderId="0" xfId="0" applyFont="1" applyAlignment="1">
      <alignment horizontal="center" vertical="center" wrapText="1"/>
    </xf>
    <xf numFmtId="0" fontId="26" fillId="0" borderId="0" xfId="0" applyFont="1" applyAlignment="1">
      <alignment horizontal="left" vertical="center" wrapText="1"/>
    </xf>
    <xf numFmtId="1" fontId="25" fillId="0" borderId="0" xfId="0" applyNumberFormat="1" applyFont="1" applyAlignment="1">
      <alignment horizontal="center" vertical="center" wrapText="1"/>
    </xf>
    <xf numFmtId="2" fontId="25" fillId="0" borderId="0" xfId="0" applyNumberFormat="1" applyFont="1" applyAlignment="1">
      <alignment horizontal="left" vertical="center" wrapText="1"/>
    </xf>
    <xf numFmtId="0" fontId="27" fillId="0" borderId="0" xfId="0" applyFont="1"/>
    <xf numFmtId="0" fontId="26" fillId="0" borderId="0" xfId="0" applyFont="1"/>
    <xf numFmtId="0" fontId="28" fillId="0" borderId="0" xfId="0" applyFont="1"/>
    <xf numFmtId="0" fontId="29" fillId="0" borderId="0" xfId="0" applyFont="1" applyAlignment="1">
      <alignment horizontal="center" vertical="center" wrapText="1"/>
    </xf>
    <xf numFmtId="0" fontId="30" fillId="9" borderId="10" xfId="43" applyFont="1" applyFill="1" applyBorder="1" applyAlignment="1">
      <alignment horizontal="center" vertical="center" wrapText="1"/>
    </xf>
    <xf numFmtId="1" fontId="30" fillId="9" borderId="10" xfId="43" applyNumberFormat="1" applyFont="1" applyFill="1" applyBorder="1" applyAlignment="1">
      <alignment horizontal="center" vertical="center" wrapText="1"/>
    </xf>
    <xf numFmtId="2" fontId="30" fillId="9" borderId="10" xfId="43" applyNumberFormat="1" applyFont="1" applyFill="1" applyBorder="1" applyAlignment="1">
      <alignment horizontal="center" vertical="center" wrapText="1"/>
    </xf>
    <xf numFmtId="0" fontId="30" fillId="9" borderId="10" xfId="0" applyFont="1" applyFill="1" applyBorder="1" applyAlignment="1">
      <alignment horizontal="center" vertical="center"/>
    </xf>
    <xf numFmtId="0" fontId="27" fillId="0" borderId="0" xfId="0" applyFont="1" applyAlignment="1">
      <alignment horizontal="center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0" xfId="43" applyFont="1" applyFill="1" applyBorder="1" applyAlignment="1">
      <alignment horizontal="left" vertical="center" wrapText="1"/>
    </xf>
    <xf numFmtId="2" fontId="30" fillId="0" borderId="10" xfId="43" applyNumberFormat="1" applyFont="1" applyFill="1" applyBorder="1" applyAlignment="1">
      <alignment horizontal="left" vertical="center" wrapText="1"/>
    </xf>
    <xf numFmtId="0" fontId="31" fillId="0" borderId="10" xfId="0" applyFont="1" applyBorder="1"/>
    <xf numFmtId="0" fontId="25" fillId="18" borderId="10" xfId="0" applyFont="1" applyFill="1" applyBorder="1"/>
    <xf numFmtId="0" fontId="27" fillId="0" borderId="10" xfId="0" applyFont="1" applyBorder="1"/>
    <xf numFmtId="0" fontId="30" fillId="4" borderId="10" xfId="43" applyFont="1" applyFill="1" applyBorder="1" applyAlignment="1">
      <alignment horizontal="left" vertical="center" wrapText="1"/>
    </xf>
    <xf numFmtId="2" fontId="30" fillId="0" borderId="10" xfId="0" applyNumberFormat="1" applyFont="1" applyBorder="1" applyAlignment="1">
      <alignment horizontal="left" vertical="center" wrapText="1"/>
    </xf>
    <xf numFmtId="2" fontId="30" fillId="4" borderId="10" xfId="43" applyNumberFormat="1" applyFont="1" applyFill="1" applyBorder="1" applyAlignment="1">
      <alignment horizontal="left" vertical="center" wrapText="1"/>
    </xf>
    <xf numFmtId="2" fontId="30" fillId="0" borderId="10" xfId="43" applyNumberFormat="1" applyFont="1" applyFill="1" applyBorder="1" applyAlignment="1">
      <alignment horizontal="center" vertical="center" wrapText="1"/>
    </xf>
    <xf numFmtId="0" fontId="27" fillId="0" borderId="0" xfId="0" applyFont="1" applyFill="1"/>
    <xf numFmtId="0" fontId="30" fillId="0" borderId="10" xfId="0" applyFont="1" applyFill="1" applyBorder="1" applyAlignment="1">
      <alignment horizontal="left" vertical="center" wrapText="1"/>
    </xf>
    <xf numFmtId="0" fontId="30" fillId="0" borderId="10" xfId="0" applyFont="1" applyFill="1" applyBorder="1" applyAlignment="1">
      <alignment horizontal="center" vertical="center" wrapText="1"/>
    </xf>
    <xf numFmtId="0" fontId="30" fillId="0" borderId="10" xfId="0" applyFont="1" applyBorder="1" applyAlignment="1">
      <alignment horizontal="center" wrapText="1"/>
    </xf>
    <xf numFmtId="2" fontId="30" fillId="0" borderId="10" xfId="0" applyNumberFormat="1" applyFont="1" applyBorder="1" applyAlignment="1">
      <alignment horizontal="left" wrapText="1"/>
    </xf>
    <xf numFmtId="0" fontId="31" fillId="0" borderId="0" xfId="0" applyFont="1"/>
    <xf numFmtId="0" fontId="31" fillId="0" borderId="0" xfId="0" applyFont="1" applyAlignment="1">
      <alignment horizontal="center"/>
    </xf>
    <xf numFmtId="0" fontId="31" fillId="0" borderId="0" xfId="0" applyFont="1" applyAlignment="1">
      <alignment horizontal="left"/>
    </xf>
    <xf numFmtId="0" fontId="33" fillId="0" borderId="0" xfId="0" applyFont="1" applyAlignment="1">
      <alignment horizontal="center"/>
    </xf>
    <xf numFmtId="0" fontId="33" fillId="0" borderId="0" xfId="0" applyFont="1" applyAlignment="1">
      <alignment horizontal="left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1" xfId="43" applyFont="1" applyFill="1" applyBorder="1" applyAlignment="1">
      <alignment horizontal="center" vertical="center" wrapText="1"/>
    </xf>
    <xf numFmtId="2" fontId="30" fillId="0" borderId="11" xfId="0" applyNumberFormat="1" applyFont="1" applyBorder="1" applyAlignment="1">
      <alignment horizontal="left" wrapText="1"/>
    </xf>
    <xf numFmtId="0" fontId="30" fillId="0" borderId="11" xfId="0" applyFont="1" applyBorder="1" applyAlignment="1">
      <alignment horizontal="center" wrapText="1"/>
    </xf>
    <xf numFmtId="0" fontId="30" fillId="0" borderId="11" xfId="43" applyFont="1" applyFill="1" applyBorder="1" applyAlignment="1">
      <alignment horizontal="left" vertical="center" wrapText="1"/>
    </xf>
    <xf numFmtId="0" fontId="34" fillId="0" borderId="0" xfId="0" applyFont="1"/>
    <xf numFmtId="0" fontId="25" fillId="18" borderId="11" xfId="0" applyFont="1" applyFill="1" applyBorder="1"/>
    <xf numFmtId="0" fontId="27" fillId="0" borderId="11" xfId="0" applyFont="1" applyBorder="1"/>
    <xf numFmtId="0" fontId="32" fillId="0" borderId="12" xfId="0" applyFont="1" applyBorder="1" applyAlignment="1">
      <alignment horizontal="center" wrapText="1"/>
    </xf>
    <xf numFmtId="0" fontId="25" fillId="0" borderId="12" xfId="0" applyFont="1" applyBorder="1" applyAlignment="1">
      <alignment horizontal="left" vertical="center" wrapText="1"/>
    </xf>
    <xf numFmtId="0" fontId="25" fillId="4" borderId="12" xfId="0" applyFont="1" applyFill="1" applyBorder="1" applyAlignment="1">
      <alignment horizontal="left" vertical="center" wrapText="1"/>
    </xf>
    <xf numFmtId="0" fontId="25" fillId="4" borderId="12" xfId="0" applyFont="1" applyFill="1" applyBorder="1" applyAlignment="1">
      <alignment wrapText="1"/>
    </xf>
    <xf numFmtId="0" fontId="25" fillId="4" borderId="12" xfId="0" applyFont="1" applyFill="1" applyBorder="1" applyAlignment="1">
      <alignment horizontal="center" vertical="center" wrapText="1"/>
    </xf>
    <xf numFmtId="0" fontId="25" fillId="4" borderId="12" xfId="0" applyFont="1" applyFill="1" applyBorder="1"/>
    <xf numFmtId="0" fontId="25" fillId="4" borderId="12" xfId="0" applyFont="1" applyFill="1" applyBorder="1" applyAlignment="1">
      <alignment horizontal="center" vertical="center"/>
    </xf>
    <xf numFmtId="0" fontId="30" fillId="0" borderId="12" xfId="0" applyFont="1" applyBorder="1" applyAlignment="1">
      <alignment horizontal="left"/>
    </xf>
    <xf numFmtId="0" fontId="30" fillId="0" borderId="12" xfId="0" applyFont="1" applyBorder="1"/>
    <xf numFmtId="0" fontId="34" fillId="0" borderId="12" xfId="0" applyFont="1" applyBorder="1"/>
    <xf numFmtId="0" fontId="30" fillId="0" borderId="12" xfId="0" applyFont="1" applyBorder="1" applyAlignment="1">
      <alignment wrapText="1"/>
    </xf>
    <xf numFmtId="0" fontId="30" fillId="0" borderId="12" xfId="0" applyFont="1" applyBorder="1" applyAlignment="1">
      <alignment horizontal="left" wrapText="1"/>
    </xf>
    <xf numFmtId="0" fontId="30" fillId="0" borderId="0" xfId="0" applyFont="1" applyAlignment="1">
      <alignment horizontal="center"/>
    </xf>
    <xf numFmtId="0" fontId="30" fillId="0" borderId="0" xfId="0" applyFont="1" applyAlignment="1">
      <alignment horizontal="left" wrapText="1"/>
    </xf>
    <xf numFmtId="0" fontId="30" fillId="0" borderId="0" xfId="0" applyFont="1" applyAlignment="1">
      <alignment horizontal="left"/>
    </xf>
    <xf numFmtId="0" fontId="30" fillId="0" borderId="0" xfId="0" applyFont="1"/>
    <xf numFmtId="0" fontId="30" fillId="0" borderId="12" xfId="0" applyFont="1" applyBorder="1" applyAlignment="1">
      <alignment horizontal="center" vertical="center"/>
    </xf>
    <xf numFmtId="1" fontId="30" fillId="19" borderId="10" xfId="43" applyNumberFormat="1" applyFont="1" applyFill="1" applyBorder="1" applyAlignment="1">
      <alignment horizontal="center" vertical="center" wrapText="1"/>
    </xf>
    <xf numFmtId="0" fontId="25" fillId="20" borderId="12" xfId="0" applyFont="1" applyFill="1" applyBorder="1" applyAlignment="1">
      <alignment horizontal="center" vertical="center" wrapText="1"/>
    </xf>
    <xf numFmtId="0" fontId="25" fillId="20" borderId="12" xfId="0" applyFont="1" applyFill="1" applyBorder="1" applyAlignment="1">
      <alignment horizontal="center" vertical="center"/>
    </xf>
    <xf numFmtId="0" fontId="30" fillId="21" borderId="12" xfId="0" applyFont="1" applyFill="1" applyBorder="1" applyAlignment="1">
      <alignment horizontal="center" vertical="center"/>
    </xf>
    <xf numFmtId="1" fontId="30" fillId="21" borderId="10" xfId="43" applyNumberFormat="1" applyFont="1" applyFill="1" applyBorder="1" applyAlignment="1">
      <alignment horizontal="center" vertical="center" wrapText="1"/>
    </xf>
    <xf numFmtId="1" fontId="30" fillId="21" borderId="10" xfId="0" applyNumberFormat="1" applyFont="1" applyFill="1" applyBorder="1" applyAlignment="1">
      <alignment horizontal="center" vertical="center" wrapText="1"/>
    </xf>
    <xf numFmtId="0" fontId="30" fillId="21" borderId="10" xfId="0" applyFont="1" applyFill="1" applyBorder="1" applyAlignment="1">
      <alignment horizontal="center" wrapText="1"/>
    </xf>
    <xf numFmtId="0" fontId="30" fillId="21" borderId="11" xfId="0" applyFont="1" applyFill="1" applyBorder="1" applyAlignment="1">
      <alignment horizontal="center" wrapText="1"/>
    </xf>
    <xf numFmtId="0" fontId="30" fillId="21" borderId="12" xfId="0" applyFont="1" applyFill="1" applyBorder="1" applyAlignment="1">
      <alignment horizontal="left"/>
    </xf>
    <xf numFmtId="0" fontId="30" fillId="21" borderId="12" xfId="0" applyFont="1" applyFill="1" applyBorder="1"/>
    <xf numFmtId="0" fontId="31" fillId="22" borderId="10" xfId="0" applyFont="1" applyFill="1" applyBorder="1"/>
    <xf numFmtId="2" fontId="30" fillId="22" borderId="10" xfId="43" applyNumberFormat="1" applyFont="1" applyFill="1" applyBorder="1" applyAlignment="1">
      <alignment horizontal="left" vertical="center" wrapText="1"/>
    </xf>
    <xf numFmtId="2" fontId="31" fillId="22" borderId="10" xfId="0" applyNumberFormat="1" applyFont="1" applyFill="1" applyBorder="1"/>
    <xf numFmtId="9" fontId="31" fillId="0" borderId="10" xfId="0" applyNumberFormat="1" applyFont="1" applyBorder="1"/>
    <xf numFmtId="9" fontId="30" fillId="0" borderId="12" xfId="0" applyNumberFormat="1" applyFont="1" applyBorder="1"/>
    <xf numFmtId="9" fontId="31" fillId="0" borderId="12" xfId="0" applyNumberFormat="1" applyFont="1" applyBorder="1"/>
    <xf numFmtId="0" fontId="30" fillId="19" borderId="12" xfId="0" applyFont="1" applyFill="1" applyBorder="1" applyAlignment="1">
      <alignment horizontal="center" vertical="center"/>
    </xf>
    <xf numFmtId="0" fontId="30" fillId="19" borderId="12" xfId="0" applyFont="1" applyFill="1" applyBorder="1" applyAlignment="1">
      <alignment horizontal="center" vertical="center"/>
    </xf>
    <xf numFmtId="0" fontId="31" fillId="0" borderId="13" xfId="0" applyFont="1" applyBorder="1" applyAlignment="1">
      <alignment horizontal="center"/>
    </xf>
    <xf numFmtId="0" fontId="31" fillId="0" borderId="14" xfId="0" applyFont="1" applyBorder="1" applyAlignment="1">
      <alignment horizontal="center"/>
    </xf>
    <xf numFmtId="0" fontId="32" fillId="0" borderId="13" xfId="0" applyFont="1" applyBorder="1" applyAlignment="1">
      <alignment horizontal="center" wrapText="1"/>
    </xf>
    <xf numFmtId="0" fontId="32" fillId="0" borderId="15" xfId="0" applyFont="1" applyBorder="1" applyAlignment="1">
      <alignment horizontal="center" wrapText="1"/>
    </xf>
    <xf numFmtId="0" fontId="32" fillId="0" borderId="14" xfId="0" applyFont="1" applyBorder="1" applyAlignment="1">
      <alignment horizontal="center" wrapText="1"/>
    </xf>
    <xf numFmtId="0" fontId="25" fillId="0" borderId="0" xfId="0" applyFont="1" applyAlignment="1">
      <alignment horizontal="center" vertical="center" wrapText="1"/>
    </xf>
    <xf numFmtId="2" fontId="25" fillId="0" borderId="0" xfId="0" applyNumberFormat="1" applyFont="1" applyAlignment="1">
      <alignment horizontal="center" vertical="center" wrapText="1"/>
    </xf>
    <xf numFmtId="0" fontId="26" fillId="0" borderId="0" xfId="0" applyFont="1" applyFill="1" applyAlignment="1">
      <alignment horizontal="left" wrapText="1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1" xfId="43" applyFont="1" applyFill="1" applyBorder="1" applyAlignment="1">
      <alignment horizontal="center" vertical="center" wrapText="1"/>
    </xf>
    <xf numFmtId="0" fontId="30" fillId="0" borderId="12" xfId="0" applyFont="1" applyBorder="1" applyAlignment="1">
      <alignment horizontal="center" vertical="center"/>
    </xf>
  </cellXfs>
  <cellStyles count="60">
    <cellStyle name="20% — akcent 1" xfId="19" builtinId="30" customBuiltin="1"/>
    <cellStyle name="20% — akcent 2" xfId="23" builtinId="34" customBuiltin="1"/>
    <cellStyle name="20% — akcent 3" xfId="27" builtinId="38" customBuiltin="1"/>
    <cellStyle name="20% — akcent 4" xfId="31" builtinId="42" customBuiltin="1"/>
    <cellStyle name="20% — akcent 5" xfId="35" builtinId="46" customBuiltin="1"/>
    <cellStyle name="20% — akcent 6" xfId="39" builtinId="50" customBuiltin="1"/>
    <cellStyle name="40% — akcent 1" xfId="20" builtinId="31" customBuiltin="1"/>
    <cellStyle name="40% — akcent 2" xfId="24" builtinId="35" customBuiltin="1"/>
    <cellStyle name="40% — akcent 3" xfId="28" builtinId="39" customBuiltin="1"/>
    <cellStyle name="40% — akcent 4" xfId="32" builtinId="43" customBuiltin="1"/>
    <cellStyle name="40% — akcent 5" xfId="36" builtinId="47" customBuiltin="1"/>
    <cellStyle name="40% — akcent 6" xfId="40" builtinId="51" customBuiltin="1"/>
    <cellStyle name="60% — akcent 1" xfId="21" builtinId="32" customBuiltin="1"/>
    <cellStyle name="60% — akcent 2" xfId="25" builtinId="36" customBuiltin="1"/>
    <cellStyle name="60% — akcent 3" xfId="29" builtinId="40" customBuiltin="1"/>
    <cellStyle name="60% — akcent 4" xfId="33" builtinId="44" customBuiltin="1"/>
    <cellStyle name="60% — akcent 5" xfId="37" builtinId="48" customBuiltin="1"/>
    <cellStyle name="60% — akcent 6" xfId="41" builtinId="52" customBuiltin="1"/>
    <cellStyle name="Akcent 1" xfId="18" builtinId="29" customBuiltin="1"/>
    <cellStyle name="Akcent 2" xfId="22" builtinId="33" customBuiltin="1"/>
    <cellStyle name="Akcent 3" xfId="26" builtinId="37" customBuiltin="1"/>
    <cellStyle name="Akcent 4" xfId="30" builtinId="41" customBuiltin="1"/>
    <cellStyle name="Akcent 5" xfId="34" builtinId="45" customBuiltin="1"/>
    <cellStyle name="Akcent 6" xfId="38" builtinId="49" customBuiltin="1"/>
    <cellStyle name="czerony" xfId="42" xr:uid="{00000000-0005-0000-0000-000018000000}"/>
    <cellStyle name="Dane wejściowe" xfId="9" builtinId="20" customBuiltin="1"/>
    <cellStyle name="Dane wyjściowe" xfId="10" builtinId="21" customBuiltin="1"/>
    <cellStyle name="Dobry" xfId="6" builtinId="26" customBuiltin="1"/>
    <cellStyle name="Excel Built-in Normal" xfId="43" xr:uid="{00000000-0005-0000-0000-00001C000000}"/>
    <cellStyle name="Excel_BuiltIn_20% — akcent 1" xfId="55" xr:uid="{8603E296-1220-4A6F-B293-B6AA07F5526B}"/>
    <cellStyle name="Heading" xfId="44" xr:uid="{00000000-0005-0000-0000-00001E000000}"/>
    <cellStyle name="Heading (user)" xfId="56" xr:uid="{24883BE7-10BD-4706-82FF-9343887F795C}"/>
    <cellStyle name="Heading 2" xfId="45" xr:uid="{00000000-0005-0000-0000-00001F000000}"/>
    <cellStyle name="Heading1" xfId="46" xr:uid="{00000000-0005-0000-0000-000020000000}"/>
    <cellStyle name="Heading1 (user)" xfId="57" xr:uid="{A5B702B2-FD8C-4886-8888-2C80C7EEC3FD}"/>
    <cellStyle name="Heading1 2" xfId="47" xr:uid="{00000000-0005-0000-0000-000021000000}"/>
    <cellStyle name="Komórka połączona" xfId="12" builtinId="24" customBuiltin="1"/>
    <cellStyle name="Komórka zaznaczona" xfId="13" builtinId="23" customBuiltin="1"/>
    <cellStyle name="Nagłówek 1" xfId="2" builtinId="16" customBuiltin="1"/>
    <cellStyle name="Nagłówek 2" xfId="3" builtinId="17" customBuiltin="1"/>
    <cellStyle name="Nagłówek 3" xfId="4" builtinId="18" customBuiltin="1"/>
    <cellStyle name="Nagłówek 4" xfId="5" builtinId="19" customBuiltin="1"/>
    <cellStyle name="Neutralny" xfId="8" builtinId="28" customBuiltin="1"/>
    <cellStyle name="Normalny" xfId="0" builtinId="0" customBuiltin="1"/>
    <cellStyle name="Normalny 2" xfId="48" xr:uid="{00000000-0005-0000-0000-00002A000000}"/>
    <cellStyle name="Normalny 3" xfId="49" xr:uid="{00000000-0005-0000-0000-00002B000000}"/>
    <cellStyle name="Normalny 4" xfId="50" xr:uid="{00000000-0005-0000-0000-00002C000000}"/>
    <cellStyle name="Obliczenia" xfId="11" builtinId="22" customBuiltin="1"/>
    <cellStyle name="Result" xfId="51" xr:uid="{00000000-0005-0000-0000-00002E000000}"/>
    <cellStyle name="Result (user)" xfId="58" xr:uid="{162D0678-5C79-4AA0-8AA8-802D2702E7C5}"/>
    <cellStyle name="Result 2" xfId="52" xr:uid="{00000000-0005-0000-0000-00002F000000}"/>
    <cellStyle name="Result2" xfId="53" xr:uid="{00000000-0005-0000-0000-000030000000}"/>
    <cellStyle name="Result2 (user)" xfId="59" xr:uid="{F9866458-B0AE-4600-B14C-08B008E0D484}"/>
    <cellStyle name="Result2 2" xfId="54" xr:uid="{00000000-0005-0000-0000-000031000000}"/>
    <cellStyle name="Suma" xfId="17" builtinId="25" customBuiltin="1"/>
    <cellStyle name="Tekst objaśnienia" xfId="16" builtinId="53" customBuiltin="1"/>
    <cellStyle name="Tekst ostrzeżenia" xfId="14" builtinId="11" customBuiltin="1"/>
    <cellStyle name="Tytuł" xfId="1" builtinId="15" customBuiltin="1"/>
    <cellStyle name="Uwaga" xfId="15" builtinId="10" customBuiltin="1"/>
    <cellStyle name="Zły" xfId="7" builtinId="27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MC1047732"/>
  <sheetViews>
    <sheetView tabSelected="1" topLeftCell="A58" zoomScale="68" zoomScaleNormal="68" workbookViewId="0">
      <selection activeCell="D75" sqref="D75"/>
    </sheetView>
  </sheetViews>
  <sheetFormatPr defaultRowHeight="15.75" customHeight="1" x14ac:dyDescent="0.25"/>
  <cols>
    <col min="1" max="1" width="12.125" style="32" customWidth="1"/>
    <col min="2" max="2" width="13.625" style="32" customWidth="1"/>
    <col min="3" max="3" width="50.25" style="33" customWidth="1"/>
    <col min="4" max="4" width="39.75" style="33" customWidth="1"/>
    <col min="5" max="5" width="26.125" style="33" customWidth="1"/>
    <col min="6" max="6" width="12.5" style="32" customWidth="1"/>
    <col min="7" max="9" width="14" style="32" customWidth="1"/>
    <col min="10" max="10" width="18" style="33" customWidth="1"/>
    <col min="11" max="11" width="19.375" style="33" customWidth="1"/>
    <col min="12" max="12" width="15" style="5" customWidth="1"/>
    <col min="13" max="13" width="14.25" style="5" customWidth="1"/>
    <col min="14" max="14" width="20.75" style="5" customWidth="1"/>
    <col min="15" max="15" width="23.625" style="5" customWidth="1"/>
    <col min="16" max="16" width="31.375" style="5" customWidth="1"/>
    <col min="17" max="17" width="23.5" style="5" customWidth="1"/>
    <col min="18" max="250" width="10.75" style="5" customWidth="1"/>
    <col min="251" max="1026" width="10.75" customWidth="1"/>
    <col min="1027" max="1027" width="9" customWidth="1"/>
  </cols>
  <sheetData>
    <row r="1" spans="1:1017" ht="21" customHeight="1" x14ac:dyDescent="0.25">
      <c r="A1" s="82" t="s">
        <v>124</v>
      </c>
      <c r="B1" s="82"/>
      <c r="C1" s="2"/>
      <c r="D1" s="2"/>
      <c r="E1" s="2"/>
      <c r="F1" s="1"/>
      <c r="G1" s="3"/>
      <c r="H1" s="3"/>
      <c r="I1" s="3"/>
      <c r="J1"/>
      <c r="K1" s="4"/>
      <c r="N1"/>
      <c r="P1" s="83" t="s">
        <v>0</v>
      </c>
      <c r="Q1" s="83"/>
    </row>
    <row r="2" spans="1:1017" ht="12.75" customHeight="1" x14ac:dyDescent="0.25">
      <c r="A2" s="1"/>
      <c r="B2" s="1"/>
      <c r="C2" s="2"/>
      <c r="D2" s="2"/>
      <c r="E2" s="2"/>
      <c r="F2" s="1"/>
      <c r="G2" s="3"/>
      <c r="H2" s="3"/>
      <c r="I2" s="3"/>
      <c r="J2" s="4"/>
      <c r="K2" s="4"/>
    </row>
    <row r="3" spans="1:1017" x14ac:dyDescent="0.25">
      <c r="A3" s="6" t="s">
        <v>1</v>
      </c>
      <c r="B3" s="6"/>
      <c r="C3" s="6"/>
      <c r="D3" s="6"/>
      <c r="E3" s="6"/>
      <c r="F3" s="7"/>
      <c r="G3" s="7"/>
      <c r="H3" s="7"/>
      <c r="I3" s="7"/>
      <c r="J3" s="7"/>
      <c r="K3" s="7"/>
    </row>
    <row r="4" spans="1:1017" x14ac:dyDescent="0.25">
      <c r="A4" s="6"/>
      <c r="B4" s="6"/>
      <c r="C4" s="6"/>
      <c r="D4" s="6"/>
      <c r="E4" s="6"/>
      <c r="F4" s="7"/>
      <c r="G4" s="7"/>
      <c r="H4" s="7"/>
      <c r="I4" s="7"/>
      <c r="J4" s="7"/>
      <c r="K4" s="7"/>
    </row>
    <row r="5" spans="1:1017" x14ac:dyDescent="0.25">
      <c r="A5" s="6" t="s">
        <v>2</v>
      </c>
      <c r="B5" s="6"/>
      <c r="C5" s="6"/>
      <c r="D5" s="6"/>
      <c r="E5" s="6"/>
      <c r="F5" s="7"/>
      <c r="G5" s="7"/>
      <c r="H5" s="7"/>
      <c r="I5" s="7"/>
      <c r="J5" s="7"/>
      <c r="K5" s="7"/>
    </row>
    <row r="6" spans="1:1017" x14ac:dyDescent="0.25">
      <c r="A6" s="6"/>
      <c r="B6" s="6"/>
      <c r="C6" s="6"/>
      <c r="D6" s="6"/>
      <c r="E6" s="6"/>
      <c r="F6" s="7"/>
      <c r="G6" s="7"/>
      <c r="H6" s="7"/>
      <c r="I6" s="7"/>
      <c r="J6" s="7"/>
      <c r="K6" s="7"/>
    </row>
    <row r="7" spans="1:1017" x14ac:dyDescent="0.25">
      <c r="A7" s="84" t="s">
        <v>3</v>
      </c>
      <c r="B7" s="84"/>
      <c r="C7" s="84"/>
      <c r="D7" s="84"/>
      <c r="E7" s="84"/>
      <c r="F7" s="84"/>
      <c r="G7" s="84"/>
      <c r="H7" s="84"/>
      <c r="I7" s="84"/>
      <c r="J7" s="84"/>
      <c r="K7" s="84"/>
    </row>
    <row r="8" spans="1:1017" ht="12.75" customHeight="1" x14ac:dyDescent="0.25">
      <c r="A8" s="1"/>
      <c r="B8" s="1"/>
      <c r="C8" s="2"/>
      <c r="D8" s="2"/>
      <c r="E8" s="2"/>
      <c r="F8" s="1"/>
      <c r="G8" s="3"/>
      <c r="H8" s="3"/>
      <c r="I8" s="3"/>
      <c r="J8" s="4"/>
      <c r="K8" s="4"/>
    </row>
    <row r="9" spans="1:1017" ht="15.75" customHeight="1" x14ac:dyDescent="0.25">
      <c r="A9" s="1"/>
      <c r="B9" s="1"/>
      <c r="C9" s="8" t="s">
        <v>4</v>
      </c>
      <c r="D9" s="8"/>
      <c r="E9" s="8"/>
      <c r="F9" s="1"/>
      <c r="G9" s="3"/>
      <c r="H9" s="3"/>
      <c r="I9" s="3"/>
      <c r="J9" s="4"/>
      <c r="K9" s="4"/>
    </row>
    <row r="10" spans="1:1017" ht="73.7" customHeight="1" x14ac:dyDescent="0.25">
      <c r="A10" s="9" t="s">
        <v>5</v>
      </c>
      <c r="B10" s="9" t="s">
        <v>6</v>
      </c>
      <c r="C10" s="9" t="s">
        <v>7</v>
      </c>
      <c r="D10" s="9" t="s">
        <v>8</v>
      </c>
      <c r="E10" s="9" t="s">
        <v>9</v>
      </c>
      <c r="F10" s="9" t="s">
        <v>10</v>
      </c>
      <c r="G10" s="10" t="s">
        <v>11</v>
      </c>
      <c r="H10" s="10" t="s">
        <v>146</v>
      </c>
      <c r="I10" s="10" t="s">
        <v>147</v>
      </c>
      <c r="J10" s="11" t="s">
        <v>12</v>
      </c>
      <c r="K10" s="11" t="s">
        <v>13</v>
      </c>
      <c r="L10" s="12" t="s">
        <v>14</v>
      </c>
      <c r="M10" s="12" t="s">
        <v>15</v>
      </c>
      <c r="N10" s="12" t="s">
        <v>16</v>
      </c>
      <c r="O10" s="12" t="s">
        <v>17</v>
      </c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  <c r="AF10" s="13"/>
      <c r="AG10" s="13"/>
      <c r="AH10" s="13"/>
      <c r="AI10" s="13"/>
      <c r="AJ10" s="13"/>
      <c r="AK10" s="13"/>
      <c r="AL10" s="13"/>
      <c r="AM10" s="13"/>
      <c r="AN10" s="13"/>
      <c r="AO10" s="13"/>
      <c r="AP10" s="13"/>
      <c r="AQ10" s="13"/>
      <c r="AR10" s="13"/>
      <c r="AS10" s="13"/>
      <c r="AT10" s="13"/>
      <c r="AU10" s="13"/>
      <c r="AV10" s="13"/>
      <c r="AW10" s="13"/>
      <c r="AX10" s="13"/>
      <c r="AY10" s="13"/>
      <c r="AZ10" s="13"/>
      <c r="BA10" s="13"/>
      <c r="BB10" s="13"/>
      <c r="BC10" s="13"/>
      <c r="BD10" s="13"/>
      <c r="BE10" s="13"/>
      <c r="BF10" s="13"/>
      <c r="BG10" s="13"/>
      <c r="BH10" s="13"/>
      <c r="BI10" s="13"/>
      <c r="BJ10" s="13"/>
      <c r="BK10" s="13"/>
      <c r="BL10" s="13"/>
      <c r="BM10" s="13"/>
      <c r="BN10" s="13"/>
      <c r="BO10" s="13"/>
      <c r="BP10" s="13"/>
      <c r="BQ10" s="13"/>
      <c r="BR10" s="13"/>
      <c r="BS10" s="13"/>
      <c r="BT10" s="13"/>
      <c r="BU10" s="13"/>
      <c r="BV10" s="13"/>
      <c r="BW10" s="13"/>
      <c r="BX10" s="13"/>
      <c r="BY10" s="13"/>
      <c r="BZ10" s="13"/>
      <c r="CA10" s="13"/>
      <c r="CB10" s="13"/>
      <c r="CC10" s="13"/>
      <c r="CD10" s="13"/>
      <c r="CE10" s="13"/>
      <c r="CF10" s="13"/>
      <c r="CG10" s="13"/>
      <c r="CH10" s="13"/>
      <c r="CI10" s="13"/>
      <c r="CJ10" s="13"/>
      <c r="CK10" s="13"/>
      <c r="CL10" s="13"/>
      <c r="CM10" s="13"/>
      <c r="CN10" s="13"/>
      <c r="CO10" s="13"/>
      <c r="CP10" s="13"/>
      <c r="CQ10" s="13"/>
      <c r="CR10" s="13"/>
      <c r="CS10" s="13"/>
      <c r="CT10" s="13"/>
      <c r="CU10" s="13"/>
      <c r="CV10" s="13"/>
      <c r="CW10" s="13"/>
      <c r="CX10" s="13"/>
      <c r="CY10" s="13"/>
      <c r="CZ10" s="13"/>
      <c r="DA10" s="13"/>
      <c r="DB10" s="13"/>
      <c r="DC10" s="13"/>
      <c r="DD10" s="13"/>
      <c r="DE10" s="13"/>
      <c r="DF10" s="13"/>
      <c r="DG10" s="13"/>
      <c r="DH10" s="13"/>
      <c r="DI10" s="13"/>
      <c r="DJ10" s="13"/>
      <c r="DK10" s="13"/>
      <c r="DL10" s="13"/>
      <c r="DM10" s="13"/>
      <c r="DN10" s="13"/>
      <c r="DO10" s="13"/>
      <c r="DP10" s="13"/>
      <c r="DQ10" s="13"/>
      <c r="DR10" s="13"/>
      <c r="DS10" s="13"/>
      <c r="DT10" s="13"/>
      <c r="DU10" s="13"/>
      <c r="DV10" s="13"/>
      <c r="DW10" s="13"/>
      <c r="DX10" s="13"/>
      <c r="DY10" s="13"/>
      <c r="DZ10" s="13"/>
      <c r="EA10" s="13"/>
      <c r="EB10" s="13"/>
      <c r="EC10" s="13"/>
      <c r="ED10" s="13"/>
      <c r="EE10" s="13"/>
      <c r="EF10" s="13"/>
      <c r="EG10" s="13"/>
      <c r="EH10" s="13"/>
      <c r="EI10" s="13"/>
      <c r="EJ10" s="13"/>
      <c r="EK10" s="13"/>
      <c r="EL10" s="13"/>
      <c r="EM10" s="13"/>
      <c r="EN10" s="13"/>
      <c r="EO10" s="13"/>
      <c r="EP10" s="13"/>
      <c r="EQ10" s="13"/>
      <c r="ER10" s="13"/>
      <c r="ES10" s="13"/>
      <c r="ET10" s="13"/>
      <c r="EU10" s="13"/>
      <c r="EV10" s="13"/>
      <c r="EW10" s="13"/>
      <c r="EX10" s="13"/>
      <c r="EY10" s="13"/>
      <c r="EZ10" s="13"/>
      <c r="FA10" s="13"/>
      <c r="FB10" s="13"/>
      <c r="FC10" s="13"/>
      <c r="FD10" s="13"/>
      <c r="FE10" s="13"/>
      <c r="FF10" s="13"/>
      <c r="FG10" s="13"/>
      <c r="FH10" s="13"/>
      <c r="FI10" s="13"/>
      <c r="FJ10" s="13"/>
      <c r="FK10" s="13"/>
      <c r="FL10" s="13"/>
      <c r="FM10" s="13"/>
      <c r="FN10" s="13"/>
      <c r="FO10" s="13"/>
      <c r="FP10" s="13"/>
      <c r="FQ10" s="13"/>
      <c r="FR10" s="13"/>
      <c r="FS10" s="13"/>
      <c r="FT10" s="13"/>
      <c r="FU10" s="13"/>
      <c r="FV10" s="13"/>
      <c r="FW10" s="13"/>
      <c r="FX10" s="13"/>
      <c r="FY10" s="13"/>
      <c r="FZ10" s="13"/>
      <c r="GA10" s="13"/>
      <c r="GB10" s="13"/>
      <c r="GC10" s="13"/>
      <c r="GD10" s="13"/>
      <c r="GE10" s="13"/>
      <c r="GF10" s="13"/>
      <c r="GG10" s="13"/>
      <c r="GH10" s="13"/>
      <c r="GI10" s="13"/>
      <c r="GJ10" s="13"/>
      <c r="GK10" s="13"/>
      <c r="GL10" s="13"/>
      <c r="GM10" s="13"/>
      <c r="GN10" s="13"/>
      <c r="GO10" s="13"/>
      <c r="GP10" s="13"/>
      <c r="GQ10" s="13"/>
      <c r="GR10" s="13"/>
      <c r="GS10" s="13"/>
      <c r="GT10" s="13"/>
      <c r="GU10" s="13"/>
      <c r="GV10" s="13"/>
      <c r="GW10" s="13"/>
      <c r="GX10" s="13"/>
      <c r="GY10" s="13"/>
      <c r="GZ10" s="13"/>
      <c r="HA10" s="13"/>
      <c r="HB10" s="13"/>
      <c r="HC10" s="13"/>
      <c r="HD10" s="13"/>
      <c r="HE10" s="13"/>
      <c r="HF10" s="13"/>
      <c r="HG10" s="13"/>
      <c r="HH10" s="13"/>
      <c r="HI10" s="13"/>
      <c r="HJ10" s="13"/>
      <c r="HK10" s="13"/>
      <c r="HL10" s="13"/>
      <c r="HM10" s="13"/>
      <c r="HN10" s="13"/>
      <c r="HO10" s="13"/>
      <c r="HP10" s="13"/>
      <c r="HQ10" s="13"/>
      <c r="HR10" s="13"/>
      <c r="HS10" s="13"/>
      <c r="HT10" s="13"/>
      <c r="HU10" s="13"/>
      <c r="HV10" s="13"/>
      <c r="HW10" s="13"/>
      <c r="HX10" s="13"/>
      <c r="HY10" s="13"/>
      <c r="HZ10" s="13"/>
      <c r="IA10" s="13"/>
      <c r="IB10" s="13"/>
      <c r="IC10" s="13"/>
      <c r="ID10" s="13"/>
      <c r="IE10" s="13"/>
      <c r="IF10" s="13"/>
      <c r="IG10" s="13"/>
      <c r="IH10" s="13"/>
      <c r="II10" s="13"/>
      <c r="IJ10" s="13"/>
      <c r="IK10" s="13"/>
      <c r="IL10" s="13"/>
      <c r="IM10" s="13"/>
      <c r="IN10" s="13"/>
      <c r="IO10" s="13"/>
      <c r="IP10" s="13"/>
      <c r="IQ10" s="13"/>
      <c r="IR10" s="13"/>
      <c r="IS10" s="13"/>
      <c r="IT10" s="13"/>
      <c r="IU10" s="13"/>
      <c r="IV10" s="13"/>
      <c r="IW10" s="13"/>
      <c r="IX10" s="13"/>
      <c r="IY10" s="13"/>
      <c r="IZ10" s="13"/>
      <c r="JA10" s="13"/>
      <c r="JB10" s="13"/>
      <c r="JC10" s="13"/>
      <c r="JD10" s="13"/>
      <c r="JE10" s="13"/>
      <c r="JF10" s="13"/>
      <c r="JG10" s="13"/>
      <c r="JH10" s="13"/>
      <c r="JI10" s="13"/>
      <c r="JJ10" s="13"/>
      <c r="JK10" s="13"/>
      <c r="JL10" s="13"/>
      <c r="JM10" s="13"/>
      <c r="JN10" s="13"/>
      <c r="JO10" s="13"/>
      <c r="JP10" s="13"/>
      <c r="JQ10" s="13"/>
      <c r="JR10" s="13"/>
      <c r="JS10" s="13"/>
      <c r="JT10" s="13"/>
      <c r="JU10" s="13"/>
      <c r="JV10" s="13"/>
      <c r="JW10" s="13"/>
      <c r="JX10" s="13"/>
      <c r="JY10" s="13"/>
      <c r="JZ10" s="13"/>
      <c r="KA10" s="13"/>
      <c r="KB10" s="13"/>
      <c r="KC10" s="13"/>
      <c r="KD10" s="13"/>
      <c r="KE10" s="13"/>
      <c r="KF10" s="13"/>
      <c r="KG10" s="13"/>
      <c r="KH10" s="13"/>
      <c r="KI10" s="13"/>
      <c r="KJ10" s="13"/>
      <c r="KK10" s="13"/>
      <c r="KL10" s="13"/>
      <c r="KM10" s="13"/>
      <c r="KN10" s="13"/>
      <c r="KO10" s="13"/>
      <c r="KP10" s="13"/>
      <c r="KQ10" s="13"/>
      <c r="KR10" s="13"/>
      <c r="KS10" s="13"/>
      <c r="KT10" s="13"/>
      <c r="KU10" s="13"/>
      <c r="KV10" s="13"/>
      <c r="KW10" s="13"/>
      <c r="KX10" s="13"/>
      <c r="KY10" s="13"/>
      <c r="KZ10" s="13"/>
      <c r="LA10" s="13"/>
      <c r="LB10" s="13"/>
      <c r="LC10" s="13"/>
      <c r="LD10" s="13"/>
      <c r="LE10" s="13"/>
      <c r="LF10" s="13"/>
      <c r="LG10" s="13"/>
      <c r="LH10" s="13"/>
      <c r="LI10" s="13"/>
      <c r="LJ10" s="13"/>
      <c r="LK10" s="13"/>
      <c r="LL10" s="13"/>
      <c r="LM10" s="13"/>
      <c r="LN10" s="13"/>
      <c r="LO10" s="13"/>
      <c r="LP10" s="13"/>
      <c r="LQ10" s="13"/>
      <c r="LR10" s="13"/>
      <c r="LS10" s="13"/>
      <c r="LT10" s="13"/>
      <c r="LU10" s="13"/>
      <c r="LV10" s="13"/>
      <c r="LW10" s="13"/>
      <c r="LX10" s="13"/>
      <c r="LY10" s="13"/>
      <c r="LZ10" s="13"/>
      <c r="MA10" s="13"/>
      <c r="MB10" s="13"/>
      <c r="MC10" s="13"/>
      <c r="MD10" s="13"/>
      <c r="ME10" s="13"/>
      <c r="MF10" s="13"/>
      <c r="MG10" s="13"/>
      <c r="MH10" s="13"/>
      <c r="MI10" s="13"/>
      <c r="MJ10" s="13"/>
      <c r="MK10" s="13"/>
      <c r="ML10" s="13"/>
      <c r="MM10" s="13"/>
      <c r="MN10" s="13"/>
      <c r="MO10" s="13"/>
      <c r="MP10" s="13"/>
      <c r="MQ10" s="13"/>
      <c r="MR10" s="13"/>
      <c r="MS10" s="13"/>
      <c r="MT10" s="13"/>
      <c r="MU10" s="13"/>
      <c r="MV10" s="13"/>
      <c r="MW10" s="13"/>
      <c r="MX10" s="13"/>
      <c r="MY10" s="13"/>
      <c r="MZ10" s="13"/>
      <c r="NA10" s="13"/>
      <c r="NB10" s="13"/>
      <c r="NC10" s="13"/>
      <c r="ND10" s="13"/>
      <c r="NE10" s="13"/>
      <c r="NF10" s="13"/>
      <c r="NG10" s="13"/>
      <c r="NH10" s="13"/>
      <c r="NI10" s="13"/>
      <c r="NJ10" s="13"/>
      <c r="NK10" s="13"/>
      <c r="NL10" s="13"/>
      <c r="NM10" s="13"/>
      <c r="NN10" s="13"/>
      <c r="NO10" s="13"/>
      <c r="NP10" s="13"/>
      <c r="NQ10" s="13"/>
      <c r="NR10" s="13"/>
      <c r="NS10" s="13"/>
      <c r="NT10" s="13"/>
      <c r="NU10" s="13"/>
      <c r="NV10" s="13"/>
      <c r="NW10" s="13"/>
      <c r="NX10" s="13"/>
      <c r="NY10" s="13"/>
      <c r="NZ10" s="13"/>
      <c r="OA10" s="13"/>
      <c r="OB10" s="13"/>
      <c r="OC10" s="13"/>
      <c r="OD10" s="13"/>
      <c r="OE10" s="13"/>
      <c r="OF10" s="13"/>
      <c r="OG10" s="13"/>
      <c r="OH10" s="13"/>
      <c r="OI10" s="13"/>
      <c r="OJ10" s="13"/>
      <c r="OK10" s="13"/>
      <c r="OL10" s="13"/>
      <c r="OM10" s="13"/>
      <c r="ON10" s="13"/>
      <c r="OO10" s="13"/>
      <c r="OP10" s="13"/>
      <c r="OQ10" s="13"/>
      <c r="OR10" s="13"/>
      <c r="OS10" s="13"/>
      <c r="OT10" s="13"/>
      <c r="OU10" s="13"/>
      <c r="OV10" s="13"/>
      <c r="OW10" s="13"/>
      <c r="OX10" s="13"/>
      <c r="OY10" s="13"/>
      <c r="OZ10" s="13"/>
      <c r="PA10" s="13"/>
      <c r="PB10" s="13"/>
      <c r="PC10" s="13"/>
      <c r="PD10" s="13"/>
      <c r="PE10" s="13"/>
      <c r="PF10" s="13"/>
      <c r="PG10" s="13"/>
      <c r="PH10" s="13"/>
      <c r="PI10" s="13"/>
      <c r="PJ10" s="13"/>
      <c r="PK10" s="13"/>
      <c r="PL10" s="13"/>
      <c r="PM10" s="13"/>
      <c r="PN10" s="13"/>
      <c r="PO10" s="13"/>
      <c r="PP10" s="13"/>
      <c r="PQ10" s="13"/>
      <c r="PR10" s="13"/>
      <c r="PS10" s="13"/>
      <c r="PT10" s="13"/>
      <c r="PU10" s="13"/>
      <c r="PV10" s="13"/>
      <c r="PW10" s="13"/>
      <c r="PX10" s="13"/>
      <c r="PY10" s="13"/>
      <c r="PZ10" s="13"/>
      <c r="QA10" s="13"/>
      <c r="QB10" s="13"/>
      <c r="QC10" s="13"/>
      <c r="QD10" s="13"/>
      <c r="QE10" s="13"/>
      <c r="QF10" s="13"/>
      <c r="QG10" s="13"/>
      <c r="QH10" s="13"/>
      <c r="QI10" s="13"/>
      <c r="QJ10" s="13"/>
      <c r="QK10" s="13"/>
      <c r="QL10" s="13"/>
      <c r="QM10" s="13"/>
      <c r="QN10" s="13"/>
      <c r="QO10" s="13"/>
      <c r="QP10" s="13"/>
      <c r="QQ10" s="13"/>
      <c r="QR10" s="13"/>
      <c r="QS10" s="13"/>
      <c r="QT10" s="13"/>
      <c r="QU10" s="13"/>
      <c r="QV10" s="13"/>
      <c r="QW10" s="13"/>
      <c r="QX10" s="13"/>
      <c r="QY10" s="13"/>
      <c r="QZ10" s="13"/>
      <c r="RA10" s="13"/>
      <c r="RB10" s="13"/>
      <c r="RC10" s="13"/>
      <c r="RD10" s="13"/>
      <c r="RE10" s="13"/>
      <c r="RF10" s="13"/>
      <c r="RG10" s="13"/>
      <c r="RH10" s="13"/>
      <c r="RI10" s="13"/>
      <c r="RJ10" s="13"/>
      <c r="RK10" s="13"/>
      <c r="RL10" s="13"/>
      <c r="RM10" s="13"/>
      <c r="RN10" s="13"/>
      <c r="RO10" s="13"/>
      <c r="RP10" s="13"/>
      <c r="RQ10" s="13"/>
      <c r="RR10" s="13"/>
      <c r="RS10" s="13"/>
      <c r="RT10" s="13"/>
      <c r="RU10" s="13"/>
      <c r="RV10" s="13"/>
      <c r="RW10" s="13"/>
      <c r="RX10" s="13"/>
      <c r="RY10" s="13"/>
      <c r="RZ10" s="13"/>
      <c r="SA10" s="13"/>
      <c r="SB10" s="13"/>
      <c r="SC10" s="13"/>
      <c r="SD10" s="13"/>
      <c r="SE10" s="13"/>
      <c r="SF10" s="13"/>
      <c r="SG10" s="13"/>
      <c r="SH10" s="13"/>
      <c r="SI10" s="13"/>
      <c r="SJ10" s="13"/>
      <c r="SK10" s="13"/>
      <c r="SL10" s="13"/>
      <c r="SM10" s="13"/>
      <c r="SN10" s="13"/>
      <c r="SO10" s="13"/>
      <c r="SP10" s="13"/>
      <c r="SQ10" s="13"/>
      <c r="SR10" s="13"/>
      <c r="SS10" s="13"/>
      <c r="ST10" s="13"/>
      <c r="SU10" s="13"/>
      <c r="SV10" s="13"/>
      <c r="SW10" s="13"/>
      <c r="SX10" s="13"/>
      <c r="SY10" s="13"/>
      <c r="SZ10" s="13"/>
      <c r="TA10" s="13"/>
      <c r="TB10" s="13"/>
      <c r="TC10" s="13"/>
      <c r="TD10" s="13"/>
      <c r="TE10" s="13"/>
      <c r="TF10" s="13"/>
      <c r="TG10" s="13"/>
      <c r="TH10" s="13"/>
      <c r="TI10" s="13"/>
      <c r="TJ10" s="13"/>
      <c r="TK10" s="13"/>
      <c r="TL10" s="13"/>
      <c r="TM10" s="13"/>
      <c r="TN10" s="13"/>
      <c r="TO10" s="13"/>
      <c r="TP10" s="13"/>
      <c r="TQ10" s="13"/>
      <c r="TR10" s="13"/>
      <c r="TS10" s="13"/>
      <c r="TT10" s="13"/>
      <c r="TU10" s="13"/>
      <c r="TV10" s="13"/>
      <c r="TW10" s="13"/>
      <c r="TX10" s="13"/>
      <c r="TY10" s="13"/>
      <c r="TZ10" s="13"/>
      <c r="UA10" s="13"/>
      <c r="UB10" s="13"/>
      <c r="UC10" s="13"/>
      <c r="UD10" s="13"/>
      <c r="UE10" s="13"/>
      <c r="UF10" s="13"/>
      <c r="UG10" s="13"/>
      <c r="UH10" s="13"/>
      <c r="UI10" s="13"/>
      <c r="UJ10" s="13"/>
      <c r="UK10" s="13"/>
      <c r="UL10" s="13"/>
      <c r="UM10" s="13"/>
      <c r="UN10" s="13"/>
      <c r="UO10" s="13"/>
      <c r="UP10" s="13"/>
      <c r="UQ10" s="13"/>
      <c r="UR10" s="13"/>
      <c r="US10" s="13"/>
      <c r="UT10" s="13"/>
      <c r="UU10" s="13"/>
      <c r="UV10" s="13"/>
      <c r="UW10" s="13"/>
      <c r="UX10" s="13"/>
      <c r="UY10" s="13"/>
      <c r="UZ10" s="13"/>
      <c r="VA10" s="13"/>
      <c r="VB10" s="13"/>
      <c r="VC10" s="13"/>
      <c r="VD10" s="13"/>
      <c r="VE10" s="13"/>
      <c r="VF10" s="13"/>
      <c r="VG10" s="13"/>
      <c r="VH10" s="13"/>
      <c r="VI10" s="13"/>
      <c r="VJ10" s="13"/>
      <c r="VK10" s="13"/>
      <c r="VL10" s="13"/>
      <c r="VM10" s="13"/>
      <c r="VN10" s="13"/>
      <c r="VO10" s="13"/>
      <c r="VP10" s="13"/>
      <c r="VQ10" s="13"/>
      <c r="VR10" s="13"/>
      <c r="VS10" s="13"/>
      <c r="VT10" s="13"/>
      <c r="VU10" s="13"/>
      <c r="VV10" s="13"/>
      <c r="VW10" s="13"/>
      <c r="VX10" s="13"/>
      <c r="VY10" s="13"/>
      <c r="VZ10" s="13"/>
      <c r="WA10" s="13"/>
      <c r="WB10" s="13"/>
      <c r="WC10" s="13"/>
      <c r="WD10" s="13"/>
      <c r="WE10" s="13"/>
      <c r="WF10" s="13"/>
      <c r="WG10" s="13"/>
      <c r="WH10" s="13"/>
      <c r="WI10" s="13"/>
      <c r="WJ10" s="13"/>
      <c r="WK10" s="13"/>
      <c r="WL10" s="13"/>
      <c r="WM10" s="13"/>
      <c r="WN10" s="13"/>
      <c r="WO10" s="13"/>
      <c r="WP10" s="13"/>
      <c r="WQ10" s="13"/>
      <c r="WR10" s="13"/>
      <c r="WS10" s="13"/>
      <c r="WT10" s="13"/>
      <c r="WU10" s="13"/>
      <c r="WV10" s="13"/>
      <c r="WW10" s="13"/>
      <c r="WX10" s="13"/>
      <c r="WY10" s="13"/>
      <c r="WZ10" s="13"/>
      <c r="XA10" s="13"/>
      <c r="XB10" s="13"/>
      <c r="XC10" s="13"/>
      <c r="XD10" s="13"/>
      <c r="XE10" s="13"/>
      <c r="XF10" s="13"/>
      <c r="XG10" s="13"/>
      <c r="XH10" s="13"/>
      <c r="XI10" s="13"/>
      <c r="XJ10" s="13"/>
      <c r="XK10" s="13"/>
      <c r="XL10" s="13"/>
      <c r="XM10" s="13"/>
      <c r="XN10" s="13"/>
      <c r="XO10" s="13"/>
      <c r="XP10" s="13"/>
      <c r="XQ10" s="13"/>
      <c r="XR10" s="13"/>
      <c r="XS10" s="13"/>
      <c r="XT10" s="13"/>
      <c r="XU10" s="13"/>
      <c r="XV10" s="13"/>
      <c r="XW10" s="13"/>
      <c r="XX10" s="13"/>
      <c r="XY10" s="13"/>
      <c r="XZ10" s="13"/>
      <c r="YA10" s="13"/>
      <c r="YB10" s="13"/>
      <c r="YC10" s="13"/>
      <c r="YD10" s="13"/>
      <c r="YE10" s="13"/>
      <c r="YF10" s="13"/>
      <c r="YG10" s="13"/>
      <c r="YH10" s="13"/>
      <c r="YI10" s="13"/>
      <c r="YJ10" s="13"/>
      <c r="YK10" s="13"/>
      <c r="YL10" s="13"/>
      <c r="YM10" s="13"/>
      <c r="YN10" s="13"/>
      <c r="YO10" s="13"/>
      <c r="YP10" s="13"/>
      <c r="YQ10" s="13"/>
      <c r="YR10" s="13"/>
      <c r="YS10" s="13"/>
      <c r="YT10" s="13"/>
      <c r="YU10" s="13"/>
      <c r="YV10" s="13"/>
      <c r="YW10" s="13"/>
      <c r="YX10" s="13"/>
      <c r="YY10" s="13"/>
      <c r="YZ10" s="13"/>
      <c r="ZA10" s="13"/>
      <c r="ZB10" s="13"/>
      <c r="ZC10" s="13"/>
      <c r="ZD10" s="13"/>
      <c r="ZE10" s="13"/>
      <c r="ZF10" s="13"/>
      <c r="ZG10" s="13"/>
      <c r="ZH10" s="13"/>
      <c r="ZI10" s="13"/>
      <c r="ZJ10" s="13"/>
      <c r="ZK10" s="13"/>
      <c r="ZL10" s="13"/>
      <c r="ZM10" s="13"/>
      <c r="ZN10" s="13"/>
      <c r="ZO10" s="13"/>
      <c r="ZP10" s="13"/>
      <c r="ZQ10" s="13"/>
      <c r="ZR10" s="13"/>
      <c r="ZS10" s="13"/>
      <c r="ZT10" s="13"/>
      <c r="ZU10" s="13"/>
      <c r="ZV10" s="13"/>
      <c r="ZW10" s="13"/>
      <c r="ZX10" s="13"/>
      <c r="ZY10" s="13"/>
      <c r="ZZ10" s="13"/>
      <c r="AAA10" s="13"/>
      <c r="AAB10" s="13"/>
      <c r="AAC10" s="13"/>
      <c r="AAD10" s="13"/>
      <c r="AAE10" s="13"/>
      <c r="AAF10" s="13"/>
      <c r="AAG10" s="13"/>
      <c r="AAH10" s="13"/>
      <c r="AAI10" s="13"/>
      <c r="AAJ10" s="13"/>
      <c r="AAK10" s="13"/>
      <c r="AAL10" s="13"/>
      <c r="AAM10" s="13"/>
      <c r="AAN10" s="13"/>
      <c r="AAO10" s="13"/>
      <c r="AAP10" s="13"/>
      <c r="AAQ10" s="13"/>
      <c r="AAR10" s="13"/>
      <c r="AAS10" s="13"/>
      <c r="AAT10" s="13"/>
      <c r="AAU10" s="13"/>
      <c r="AAV10" s="13"/>
      <c r="AAW10" s="13"/>
      <c r="AAX10" s="13"/>
      <c r="AAY10" s="13"/>
      <c r="AAZ10" s="13"/>
      <c r="ABA10" s="13"/>
      <c r="ABB10" s="13"/>
      <c r="ABC10" s="13"/>
      <c r="ABD10" s="13"/>
      <c r="ABE10" s="13"/>
      <c r="ABF10" s="13"/>
      <c r="ABG10" s="13"/>
      <c r="ABH10" s="13"/>
      <c r="ABI10" s="13"/>
      <c r="ABJ10" s="13"/>
      <c r="ABK10" s="13"/>
      <c r="ABL10" s="13"/>
      <c r="ABM10" s="13"/>
      <c r="ABN10" s="13"/>
      <c r="ABO10" s="13"/>
      <c r="ABP10" s="13"/>
      <c r="ABQ10" s="13"/>
      <c r="ABR10" s="13"/>
      <c r="ABS10" s="13"/>
      <c r="ABT10" s="13"/>
      <c r="ABU10" s="13"/>
      <c r="ABV10" s="13"/>
      <c r="ABW10" s="13"/>
      <c r="ABX10" s="13"/>
      <c r="ABY10" s="13"/>
      <c r="ABZ10" s="13"/>
      <c r="ACA10" s="13"/>
      <c r="ACB10" s="13"/>
      <c r="ACC10" s="13"/>
      <c r="ACD10" s="13"/>
      <c r="ACE10" s="13"/>
      <c r="ACF10" s="13"/>
      <c r="ACG10" s="13"/>
      <c r="ACH10" s="13"/>
      <c r="ACI10" s="13"/>
      <c r="ACJ10" s="13"/>
      <c r="ACK10" s="13"/>
      <c r="ACL10" s="13"/>
      <c r="ACM10" s="13"/>
      <c r="ACN10" s="13"/>
      <c r="ACO10" s="13"/>
      <c r="ACP10" s="13"/>
      <c r="ACQ10" s="13"/>
      <c r="ACR10" s="13"/>
      <c r="ACS10" s="13"/>
      <c r="ACT10" s="13"/>
      <c r="ACU10" s="13"/>
      <c r="ACV10" s="13"/>
      <c r="ACW10" s="13"/>
      <c r="ACX10" s="13"/>
      <c r="ACY10" s="13"/>
      <c r="ACZ10" s="13"/>
      <c r="ADA10" s="13"/>
      <c r="ADB10" s="13"/>
      <c r="ADC10" s="13"/>
      <c r="ADD10" s="13"/>
      <c r="ADE10" s="13"/>
      <c r="ADF10" s="13"/>
      <c r="ADG10" s="13"/>
      <c r="ADH10" s="13"/>
      <c r="ADI10" s="13"/>
      <c r="ADJ10" s="13"/>
      <c r="ADK10" s="13"/>
      <c r="ADL10" s="13"/>
      <c r="ADM10" s="13"/>
      <c r="ADN10" s="13"/>
      <c r="ADO10" s="13"/>
      <c r="ADP10" s="13"/>
      <c r="ADQ10" s="13"/>
      <c r="ADR10" s="13"/>
      <c r="ADS10" s="13"/>
      <c r="ADT10" s="13"/>
      <c r="ADU10" s="13"/>
      <c r="ADV10" s="13"/>
      <c r="ADW10" s="13"/>
      <c r="ADX10" s="13"/>
      <c r="ADY10" s="13"/>
      <c r="ADZ10" s="13"/>
      <c r="AEA10" s="13"/>
      <c r="AEB10" s="13"/>
      <c r="AEC10" s="13"/>
      <c r="AED10" s="13"/>
      <c r="AEE10" s="13"/>
      <c r="AEF10" s="13"/>
      <c r="AEG10" s="13"/>
      <c r="AEH10" s="13"/>
      <c r="AEI10" s="13"/>
      <c r="AEJ10" s="13"/>
      <c r="AEK10" s="13"/>
      <c r="AEL10" s="13"/>
      <c r="AEM10" s="13"/>
      <c r="AEN10" s="13"/>
      <c r="AEO10" s="13"/>
      <c r="AEP10" s="13"/>
      <c r="AEQ10" s="13"/>
      <c r="AER10" s="13"/>
      <c r="AES10" s="13"/>
      <c r="AET10" s="13"/>
      <c r="AEU10" s="13"/>
      <c r="AEV10" s="13"/>
      <c r="AEW10" s="13"/>
      <c r="AEX10" s="13"/>
      <c r="AEY10" s="13"/>
      <c r="AEZ10" s="13"/>
      <c r="AFA10" s="13"/>
      <c r="AFB10" s="13"/>
      <c r="AFC10" s="13"/>
      <c r="AFD10" s="13"/>
      <c r="AFE10" s="13"/>
      <c r="AFF10" s="13"/>
      <c r="AFG10" s="13"/>
      <c r="AFH10" s="13"/>
      <c r="AFI10" s="13"/>
      <c r="AFJ10" s="13"/>
      <c r="AFK10" s="13"/>
      <c r="AFL10" s="13"/>
      <c r="AFM10" s="13"/>
      <c r="AFN10" s="13"/>
      <c r="AFO10" s="13"/>
      <c r="AFP10" s="13"/>
      <c r="AFQ10" s="13"/>
      <c r="AFR10" s="13"/>
      <c r="AFS10" s="13"/>
      <c r="AFT10" s="13"/>
      <c r="AFU10" s="13"/>
      <c r="AFV10" s="13"/>
      <c r="AFW10" s="13"/>
      <c r="AFX10" s="13"/>
      <c r="AFY10" s="13"/>
      <c r="AFZ10" s="13"/>
      <c r="AGA10" s="13"/>
      <c r="AGB10" s="13"/>
      <c r="AGC10" s="13"/>
      <c r="AGD10" s="13"/>
      <c r="AGE10" s="13"/>
      <c r="AGF10" s="13"/>
      <c r="AGG10" s="13"/>
      <c r="AGH10" s="13"/>
      <c r="AGI10" s="13"/>
      <c r="AGJ10" s="13"/>
      <c r="AGK10" s="13"/>
      <c r="AGL10" s="13"/>
      <c r="AGM10" s="13"/>
      <c r="AGN10" s="13"/>
      <c r="AGO10" s="13"/>
      <c r="AGP10" s="13"/>
      <c r="AGQ10" s="13"/>
      <c r="AGR10" s="13"/>
      <c r="AGS10" s="13"/>
      <c r="AGT10" s="13"/>
      <c r="AGU10" s="13"/>
      <c r="AGV10" s="13"/>
      <c r="AGW10" s="13"/>
      <c r="AGX10" s="13"/>
      <c r="AGY10" s="13"/>
      <c r="AGZ10" s="13"/>
      <c r="AHA10" s="13"/>
      <c r="AHB10" s="13"/>
      <c r="AHC10" s="13"/>
      <c r="AHD10" s="13"/>
      <c r="AHE10" s="13"/>
      <c r="AHF10" s="13"/>
      <c r="AHG10" s="13"/>
      <c r="AHH10" s="13"/>
      <c r="AHI10" s="13"/>
      <c r="AHJ10" s="13"/>
      <c r="AHK10" s="13"/>
      <c r="AHL10" s="13"/>
      <c r="AHM10" s="13"/>
      <c r="AHN10" s="13"/>
      <c r="AHO10" s="13"/>
      <c r="AHP10" s="13"/>
      <c r="AHQ10" s="13"/>
      <c r="AHR10" s="13"/>
      <c r="AHS10" s="13"/>
      <c r="AHT10" s="13"/>
      <c r="AHU10" s="13"/>
      <c r="AHV10" s="13"/>
      <c r="AHW10" s="13"/>
      <c r="AHX10" s="13"/>
      <c r="AHY10" s="13"/>
      <c r="AHZ10" s="13"/>
      <c r="AIA10" s="13"/>
      <c r="AIB10" s="13"/>
      <c r="AIC10" s="13"/>
      <c r="AID10" s="13"/>
      <c r="AIE10" s="13"/>
      <c r="AIF10" s="13"/>
      <c r="AIG10" s="13"/>
      <c r="AIH10" s="13"/>
      <c r="AII10" s="13"/>
      <c r="AIJ10" s="13"/>
      <c r="AIK10" s="13"/>
      <c r="AIL10" s="13"/>
      <c r="AIM10" s="13"/>
      <c r="AIN10" s="13"/>
      <c r="AIO10" s="13"/>
      <c r="AIP10" s="13"/>
      <c r="AIQ10" s="13"/>
      <c r="AIR10" s="13"/>
      <c r="AIS10" s="13"/>
      <c r="AIT10" s="13"/>
      <c r="AIU10" s="13"/>
      <c r="AIV10" s="13"/>
      <c r="AIW10" s="13"/>
      <c r="AIX10" s="13"/>
      <c r="AIY10" s="13"/>
      <c r="AIZ10" s="13"/>
      <c r="AJA10" s="13"/>
      <c r="AJB10" s="13"/>
      <c r="AJC10" s="13"/>
      <c r="AJD10" s="13"/>
      <c r="AJE10" s="13"/>
      <c r="AJF10" s="13"/>
      <c r="AJG10" s="13"/>
      <c r="AJH10" s="13"/>
      <c r="AJI10" s="13"/>
      <c r="AJJ10" s="13"/>
      <c r="AJK10" s="13"/>
      <c r="AJL10" s="13"/>
      <c r="AJM10" s="13"/>
      <c r="AJN10" s="13"/>
      <c r="AJO10" s="13"/>
      <c r="AJP10" s="13"/>
      <c r="AJQ10" s="13"/>
      <c r="AJR10" s="13"/>
      <c r="AJS10" s="13"/>
      <c r="AJT10" s="13"/>
      <c r="AJU10" s="13"/>
      <c r="AJV10" s="13"/>
      <c r="AJW10" s="13"/>
      <c r="AJX10" s="13"/>
      <c r="AJY10" s="13"/>
      <c r="AJZ10" s="13"/>
      <c r="AKA10" s="13"/>
      <c r="AKB10" s="13"/>
      <c r="AKC10" s="13"/>
      <c r="AKD10" s="13"/>
      <c r="AKE10" s="13"/>
      <c r="AKF10" s="13"/>
      <c r="AKG10" s="13"/>
      <c r="AKH10" s="13"/>
      <c r="AKI10" s="13"/>
      <c r="AKJ10" s="13"/>
      <c r="AKK10" s="13"/>
      <c r="AKL10" s="13"/>
      <c r="AKM10" s="13"/>
      <c r="AKN10" s="13"/>
      <c r="AKO10" s="13"/>
      <c r="AKP10" s="13"/>
      <c r="AKQ10" s="13"/>
      <c r="AKR10" s="13"/>
      <c r="AKS10" s="13"/>
      <c r="AKT10" s="13"/>
      <c r="AKU10" s="13"/>
      <c r="AKV10" s="13"/>
      <c r="AKW10" s="13"/>
      <c r="AKX10" s="13"/>
      <c r="AKY10" s="13"/>
      <c r="AKZ10" s="13"/>
      <c r="ALA10" s="13"/>
      <c r="ALB10" s="13"/>
      <c r="ALC10" s="13"/>
      <c r="ALD10" s="13"/>
      <c r="ALE10" s="13"/>
      <c r="ALF10" s="13"/>
      <c r="ALG10" s="13"/>
      <c r="ALH10" s="13"/>
      <c r="ALI10" s="13"/>
      <c r="ALJ10" s="13"/>
      <c r="ALK10" s="13"/>
      <c r="ALL10" s="13"/>
      <c r="ALM10" s="13"/>
      <c r="ALN10" s="13"/>
      <c r="ALO10" s="13"/>
      <c r="ALP10" s="13"/>
      <c r="ALQ10" s="13"/>
      <c r="ALR10" s="13"/>
      <c r="ALS10" s="13"/>
      <c r="ALT10" s="13"/>
      <c r="ALU10" s="13"/>
      <c r="ALV10" s="13"/>
      <c r="ALW10" s="13"/>
      <c r="ALX10" s="13"/>
      <c r="ALY10" s="13"/>
      <c r="ALZ10" s="13"/>
      <c r="AMA10" s="13"/>
      <c r="AMB10" s="13"/>
      <c r="AMC10" s="13"/>
    </row>
    <row r="11" spans="1:1017" x14ac:dyDescent="0.25">
      <c r="A11" s="14">
        <v>1</v>
      </c>
      <c r="B11" s="14">
        <v>1</v>
      </c>
      <c r="C11" s="15" t="s">
        <v>18</v>
      </c>
      <c r="D11" s="15"/>
      <c r="E11" s="15"/>
      <c r="F11" s="14" t="s">
        <v>19</v>
      </c>
      <c r="G11" s="63">
        <v>200</v>
      </c>
      <c r="H11" s="59" t="s">
        <v>148</v>
      </c>
      <c r="I11" s="59" t="s">
        <v>148</v>
      </c>
      <c r="J11" s="16"/>
      <c r="K11" s="70">
        <f>G11*J11</f>
        <v>0</v>
      </c>
      <c r="L11" s="72">
        <v>0.08</v>
      </c>
      <c r="M11" s="71">
        <f>O11-K11</f>
        <v>0</v>
      </c>
      <c r="N11" s="17">
        <f>J11*1.08</f>
        <v>0</v>
      </c>
      <c r="O11" s="69">
        <f>K11*1.08</f>
        <v>0</v>
      </c>
      <c r="P11" s="18" t="s">
        <v>20</v>
      </c>
      <c r="Q11" s="19"/>
    </row>
    <row r="12" spans="1:1017" ht="20.25" customHeight="1" x14ac:dyDescent="0.25">
      <c r="A12" s="14">
        <v>2</v>
      </c>
      <c r="B12" s="14">
        <v>1</v>
      </c>
      <c r="C12" s="20" t="s">
        <v>21</v>
      </c>
      <c r="D12" s="20"/>
      <c r="E12" s="20"/>
      <c r="F12" s="14" t="s">
        <v>19</v>
      </c>
      <c r="G12" s="63">
        <v>300</v>
      </c>
      <c r="H12" s="59" t="s">
        <v>148</v>
      </c>
      <c r="I12" s="59" t="s">
        <v>148</v>
      </c>
      <c r="J12" s="16"/>
      <c r="K12" s="70">
        <f t="shared" ref="K12:K60" si="0">G12*J12</f>
        <v>0</v>
      </c>
      <c r="L12" s="72">
        <v>0.08</v>
      </c>
      <c r="M12" s="71">
        <f t="shared" ref="M12:M60" si="1">O12-K12</f>
        <v>0</v>
      </c>
      <c r="N12" s="17">
        <f t="shared" ref="N12:N60" si="2">J12*1.08</f>
        <v>0</v>
      </c>
      <c r="O12" s="69">
        <f t="shared" ref="O12:O60" si="3">K12*1.08</f>
        <v>0</v>
      </c>
      <c r="P12" s="18" t="s">
        <v>22</v>
      </c>
      <c r="Q12" s="19"/>
    </row>
    <row r="13" spans="1:1017" ht="20.25" customHeight="1" x14ac:dyDescent="0.25">
      <c r="A13" s="14">
        <v>3</v>
      </c>
      <c r="B13" s="14">
        <v>1</v>
      </c>
      <c r="C13" s="20" t="s">
        <v>23</v>
      </c>
      <c r="D13" s="20"/>
      <c r="E13" s="20"/>
      <c r="F13" s="14" t="s">
        <v>19</v>
      </c>
      <c r="G13" s="63">
        <v>200</v>
      </c>
      <c r="H13" s="59" t="s">
        <v>148</v>
      </c>
      <c r="I13" s="59" t="s">
        <v>148</v>
      </c>
      <c r="J13" s="16"/>
      <c r="K13" s="70">
        <f t="shared" si="0"/>
        <v>0</v>
      </c>
      <c r="L13" s="72">
        <v>0.08</v>
      </c>
      <c r="M13" s="71">
        <f t="shared" si="1"/>
        <v>0</v>
      </c>
      <c r="N13" s="17">
        <f t="shared" si="2"/>
        <v>0</v>
      </c>
      <c r="O13" s="69">
        <f t="shared" si="3"/>
        <v>0</v>
      </c>
      <c r="P13" s="18" t="s">
        <v>24</v>
      </c>
      <c r="Q13" s="19"/>
    </row>
    <row r="14" spans="1:1017" ht="20.25" customHeight="1" x14ac:dyDescent="0.25">
      <c r="A14" s="14">
        <v>4</v>
      </c>
      <c r="B14" s="14">
        <v>1</v>
      </c>
      <c r="C14" s="20" t="s">
        <v>25</v>
      </c>
      <c r="D14" s="20"/>
      <c r="E14" s="20"/>
      <c r="F14" s="14" t="s">
        <v>19</v>
      </c>
      <c r="G14" s="63">
        <v>100</v>
      </c>
      <c r="H14" s="59" t="s">
        <v>148</v>
      </c>
      <c r="I14" s="59" t="s">
        <v>148</v>
      </c>
      <c r="J14" s="16"/>
      <c r="K14" s="70">
        <f t="shared" si="0"/>
        <v>0</v>
      </c>
      <c r="L14" s="72">
        <v>0.08</v>
      </c>
      <c r="M14" s="71">
        <f t="shared" si="1"/>
        <v>0</v>
      </c>
      <c r="N14" s="17">
        <f t="shared" si="2"/>
        <v>0</v>
      </c>
      <c r="O14" s="69">
        <f t="shared" si="3"/>
        <v>0</v>
      </c>
      <c r="P14" s="18" t="s">
        <v>26</v>
      </c>
      <c r="Q14" s="19"/>
    </row>
    <row r="15" spans="1:1017" ht="20.25" customHeight="1" x14ac:dyDescent="0.25">
      <c r="A15" s="14">
        <v>5</v>
      </c>
      <c r="B15" s="14">
        <v>1</v>
      </c>
      <c r="C15" s="20" t="s">
        <v>27</v>
      </c>
      <c r="D15" s="20"/>
      <c r="E15" s="20"/>
      <c r="F15" s="14" t="s">
        <v>19</v>
      </c>
      <c r="G15" s="63">
        <v>1800</v>
      </c>
      <c r="H15" s="59" t="s">
        <v>148</v>
      </c>
      <c r="I15" s="59" t="s">
        <v>148</v>
      </c>
      <c r="J15" s="16"/>
      <c r="K15" s="70">
        <f t="shared" si="0"/>
        <v>0</v>
      </c>
      <c r="L15" s="72">
        <v>0.08</v>
      </c>
      <c r="M15" s="71">
        <f t="shared" si="1"/>
        <v>0</v>
      </c>
      <c r="N15" s="17">
        <f t="shared" si="2"/>
        <v>0</v>
      </c>
      <c r="O15" s="69">
        <f t="shared" si="3"/>
        <v>0</v>
      </c>
      <c r="P15" s="18" t="s">
        <v>28</v>
      </c>
      <c r="Q15" s="19"/>
    </row>
    <row r="16" spans="1:1017" ht="20.25" customHeight="1" x14ac:dyDescent="0.25">
      <c r="A16" s="14">
        <v>6</v>
      </c>
      <c r="B16" s="14">
        <v>1</v>
      </c>
      <c r="C16" s="20" t="s">
        <v>29</v>
      </c>
      <c r="D16" s="20"/>
      <c r="E16" s="20"/>
      <c r="F16" s="14" t="s">
        <v>19</v>
      </c>
      <c r="G16" s="63">
        <v>11500</v>
      </c>
      <c r="H16" s="59" t="s">
        <v>148</v>
      </c>
      <c r="I16" s="59" t="s">
        <v>148</v>
      </c>
      <c r="J16" s="16"/>
      <c r="K16" s="70">
        <f t="shared" si="0"/>
        <v>0</v>
      </c>
      <c r="L16" s="72">
        <v>0.08</v>
      </c>
      <c r="M16" s="71">
        <f t="shared" si="1"/>
        <v>0</v>
      </c>
      <c r="N16" s="17">
        <f t="shared" si="2"/>
        <v>0</v>
      </c>
      <c r="O16" s="69">
        <f t="shared" si="3"/>
        <v>0</v>
      </c>
      <c r="P16" s="18" t="s">
        <v>30</v>
      </c>
      <c r="Q16" s="19"/>
    </row>
    <row r="17" spans="1:17" ht="20.25" customHeight="1" x14ac:dyDescent="0.25">
      <c r="A17" s="14">
        <v>7</v>
      </c>
      <c r="B17" s="14">
        <v>1</v>
      </c>
      <c r="C17" s="20" t="s">
        <v>31</v>
      </c>
      <c r="D17" s="20"/>
      <c r="E17" s="20"/>
      <c r="F17" s="14" t="s">
        <v>19</v>
      </c>
      <c r="G17" s="63">
        <v>5</v>
      </c>
      <c r="H17" s="59" t="s">
        <v>148</v>
      </c>
      <c r="I17" s="59" t="s">
        <v>148</v>
      </c>
      <c r="J17" s="16"/>
      <c r="K17" s="70">
        <f t="shared" si="0"/>
        <v>0</v>
      </c>
      <c r="L17" s="72">
        <v>0.08</v>
      </c>
      <c r="M17" s="71">
        <f t="shared" si="1"/>
        <v>0</v>
      </c>
      <c r="N17" s="17">
        <f t="shared" si="2"/>
        <v>0</v>
      </c>
      <c r="O17" s="69">
        <f t="shared" si="3"/>
        <v>0</v>
      </c>
      <c r="P17" s="18" t="s">
        <v>32</v>
      </c>
      <c r="Q17" s="19"/>
    </row>
    <row r="18" spans="1:17" ht="20.25" customHeight="1" x14ac:dyDescent="0.25">
      <c r="A18" s="34">
        <v>8</v>
      </c>
      <c r="B18" s="14">
        <v>1</v>
      </c>
      <c r="C18" s="20" t="s">
        <v>33</v>
      </c>
      <c r="D18" s="20"/>
      <c r="E18" s="20"/>
      <c r="F18" s="14" t="s">
        <v>19</v>
      </c>
      <c r="G18" s="63">
        <v>5</v>
      </c>
      <c r="H18" s="59" t="s">
        <v>148</v>
      </c>
      <c r="I18" s="59" t="s">
        <v>148</v>
      </c>
      <c r="J18" s="16"/>
      <c r="K18" s="70">
        <f t="shared" si="0"/>
        <v>0</v>
      </c>
      <c r="L18" s="72">
        <v>0.08</v>
      </c>
      <c r="M18" s="71">
        <f t="shared" si="1"/>
        <v>0</v>
      </c>
      <c r="N18" s="17">
        <f t="shared" si="2"/>
        <v>0</v>
      </c>
      <c r="O18" s="69">
        <f t="shared" si="3"/>
        <v>0</v>
      </c>
      <c r="P18" s="18" t="s">
        <v>34</v>
      </c>
      <c r="Q18" s="19"/>
    </row>
    <row r="19" spans="1:17" ht="20.25" customHeight="1" x14ac:dyDescent="0.25">
      <c r="A19" s="34">
        <v>9</v>
      </c>
      <c r="B19" s="14">
        <v>1</v>
      </c>
      <c r="C19" s="20" t="s">
        <v>35</v>
      </c>
      <c r="D19" s="20"/>
      <c r="E19" s="20"/>
      <c r="F19" s="14" t="s">
        <v>19</v>
      </c>
      <c r="G19" s="63">
        <v>9000</v>
      </c>
      <c r="H19" s="59" t="s">
        <v>148</v>
      </c>
      <c r="I19" s="59" t="s">
        <v>148</v>
      </c>
      <c r="J19" s="16"/>
      <c r="K19" s="70">
        <f t="shared" si="0"/>
        <v>0</v>
      </c>
      <c r="L19" s="72">
        <v>0.08</v>
      </c>
      <c r="M19" s="71">
        <f t="shared" si="1"/>
        <v>0</v>
      </c>
      <c r="N19" s="17">
        <f t="shared" si="2"/>
        <v>0</v>
      </c>
      <c r="O19" s="69">
        <f t="shared" si="3"/>
        <v>0</v>
      </c>
      <c r="P19" s="18" t="s">
        <v>36</v>
      </c>
      <c r="Q19" s="19"/>
    </row>
    <row r="20" spans="1:17" ht="20.25" customHeight="1" x14ac:dyDescent="0.25">
      <c r="A20" s="34">
        <v>10</v>
      </c>
      <c r="B20" s="14">
        <v>1</v>
      </c>
      <c r="C20" s="20" t="s">
        <v>37</v>
      </c>
      <c r="D20" s="20"/>
      <c r="E20" s="20"/>
      <c r="F20" s="14" t="s">
        <v>19</v>
      </c>
      <c r="G20" s="63">
        <v>6000</v>
      </c>
      <c r="H20" s="59" t="s">
        <v>148</v>
      </c>
      <c r="I20" s="59" t="s">
        <v>148</v>
      </c>
      <c r="J20" s="16"/>
      <c r="K20" s="70">
        <f t="shared" si="0"/>
        <v>0</v>
      </c>
      <c r="L20" s="72">
        <v>0.08</v>
      </c>
      <c r="M20" s="71">
        <f t="shared" si="1"/>
        <v>0</v>
      </c>
      <c r="N20" s="17">
        <f t="shared" si="2"/>
        <v>0</v>
      </c>
      <c r="O20" s="69">
        <f t="shared" si="3"/>
        <v>0</v>
      </c>
      <c r="P20" s="18" t="s">
        <v>38</v>
      </c>
      <c r="Q20" s="19"/>
    </row>
    <row r="21" spans="1:17" ht="20.25" customHeight="1" x14ac:dyDescent="0.25">
      <c r="A21" s="34">
        <v>11</v>
      </c>
      <c r="B21" s="14">
        <v>1</v>
      </c>
      <c r="C21" s="20" t="s">
        <v>40</v>
      </c>
      <c r="D21" s="20"/>
      <c r="E21" s="20"/>
      <c r="F21" s="14" t="s">
        <v>19</v>
      </c>
      <c r="G21" s="63">
        <v>150</v>
      </c>
      <c r="H21" s="59" t="s">
        <v>148</v>
      </c>
      <c r="I21" s="59" t="s">
        <v>148</v>
      </c>
      <c r="J21" s="21"/>
      <c r="K21" s="70">
        <f t="shared" si="0"/>
        <v>0</v>
      </c>
      <c r="L21" s="72">
        <v>0.08</v>
      </c>
      <c r="M21" s="71">
        <f t="shared" si="1"/>
        <v>0</v>
      </c>
      <c r="N21" s="17">
        <f t="shared" si="2"/>
        <v>0</v>
      </c>
      <c r="O21" s="69">
        <f t="shared" si="3"/>
        <v>0</v>
      </c>
      <c r="P21" s="18" t="s">
        <v>39</v>
      </c>
      <c r="Q21" s="19"/>
    </row>
    <row r="22" spans="1:17" ht="20.25" customHeight="1" x14ac:dyDescent="0.25">
      <c r="A22" s="34">
        <v>12</v>
      </c>
      <c r="B22" s="14">
        <v>1</v>
      </c>
      <c r="C22" s="20" t="s">
        <v>42</v>
      </c>
      <c r="D22" s="20"/>
      <c r="E22" s="20"/>
      <c r="F22" s="14" t="s">
        <v>19</v>
      </c>
      <c r="G22" s="63">
        <v>10</v>
      </c>
      <c r="H22" s="59" t="s">
        <v>148</v>
      </c>
      <c r="I22" s="59" t="s">
        <v>148</v>
      </c>
      <c r="J22" s="16"/>
      <c r="K22" s="70">
        <f t="shared" si="0"/>
        <v>0</v>
      </c>
      <c r="L22" s="72">
        <v>0.08</v>
      </c>
      <c r="M22" s="71">
        <f t="shared" si="1"/>
        <v>0</v>
      </c>
      <c r="N22" s="17">
        <f t="shared" si="2"/>
        <v>0</v>
      </c>
      <c r="O22" s="69">
        <f t="shared" si="3"/>
        <v>0</v>
      </c>
      <c r="P22" s="18" t="s">
        <v>41</v>
      </c>
      <c r="Q22" s="19"/>
    </row>
    <row r="23" spans="1:17" ht="20.25" customHeight="1" x14ac:dyDescent="0.25">
      <c r="A23" s="34">
        <v>13</v>
      </c>
      <c r="B23" s="14">
        <v>1</v>
      </c>
      <c r="C23" s="20" t="s">
        <v>44</v>
      </c>
      <c r="D23" s="20"/>
      <c r="E23" s="20"/>
      <c r="F23" s="14" t="s">
        <v>19</v>
      </c>
      <c r="G23" s="63">
        <v>25</v>
      </c>
      <c r="H23" s="59" t="s">
        <v>148</v>
      </c>
      <c r="I23" s="59" t="s">
        <v>148</v>
      </c>
      <c r="J23" s="16"/>
      <c r="K23" s="70">
        <f t="shared" si="0"/>
        <v>0</v>
      </c>
      <c r="L23" s="72">
        <v>0.08</v>
      </c>
      <c r="M23" s="71">
        <f t="shared" si="1"/>
        <v>0</v>
      </c>
      <c r="N23" s="17">
        <f t="shared" si="2"/>
        <v>0</v>
      </c>
      <c r="O23" s="69">
        <f t="shared" si="3"/>
        <v>0</v>
      </c>
      <c r="P23" s="18" t="s">
        <v>43</v>
      </c>
      <c r="Q23" s="19"/>
    </row>
    <row r="24" spans="1:17" ht="20.25" customHeight="1" x14ac:dyDescent="0.25">
      <c r="A24" s="34">
        <v>14</v>
      </c>
      <c r="B24" s="14">
        <v>1</v>
      </c>
      <c r="C24" s="20" t="s">
        <v>46</v>
      </c>
      <c r="D24" s="20"/>
      <c r="E24" s="20"/>
      <c r="F24" s="14" t="s">
        <v>19</v>
      </c>
      <c r="G24" s="63">
        <v>50</v>
      </c>
      <c r="H24" s="59" t="s">
        <v>148</v>
      </c>
      <c r="I24" s="59" t="s">
        <v>148</v>
      </c>
      <c r="J24" s="16"/>
      <c r="K24" s="70">
        <f t="shared" si="0"/>
        <v>0</v>
      </c>
      <c r="L24" s="72">
        <v>0.08</v>
      </c>
      <c r="M24" s="71">
        <f t="shared" si="1"/>
        <v>0</v>
      </c>
      <c r="N24" s="17">
        <f t="shared" si="2"/>
        <v>0</v>
      </c>
      <c r="O24" s="69">
        <f t="shared" si="3"/>
        <v>0</v>
      </c>
      <c r="P24" s="18" t="s">
        <v>45</v>
      </c>
      <c r="Q24" s="19"/>
    </row>
    <row r="25" spans="1:17" ht="20.25" customHeight="1" x14ac:dyDescent="0.25">
      <c r="A25" s="34">
        <v>15</v>
      </c>
      <c r="B25" s="14">
        <v>1</v>
      </c>
      <c r="C25" s="20" t="s">
        <v>48</v>
      </c>
      <c r="D25" s="20"/>
      <c r="E25" s="20"/>
      <c r="F25" s="14" t="s">
        <v>19</v>
      </c>
      <c r="G25" s="63">
        <v>7200</v>
      </c>
      <c r="H25" s="59" t="s">
        <v>148</v>
      </c>
      <c r="I25" s="59" t="s">
        <v>148</v>
      </c>
      <c r="J25" s="16"/>
      <c r="K25" s="70">
        <f t="shared" si="0"/>
        <v>0</v>
      </c>
      <c r="L25" s="72">
        <v>0.08</v>
      </c>
      <c r="M25" s="71">
        <f t="shared" si="1"/>
        <v>0</v>
      </c>
      <c r="N25" s="17">
        <f t="shared" si="2"/>
        <v>0</v>
      </c>
      <c r="O25" s="69">
        <f t="shared" si="3"/>
        <v>0</v>
      </c>
      <c r="P25" s="18" t="s">
        <v>47</v>
      </c>
      <c r="Q25" s="19"/>
    </row>
    <row r="26" spans="1:17" ht="20.25" customHeight="1" x14ac:dyDescent="0.25">
      <c r="A26" s="34">
        <v>16</v>
      </c>
      <c r="B26" s="14">
        <v>1</v>
      </c>
      <c r="C26" s="20" t="s">
        <v>50</v>
      </c>
      <c r="D26" s="20"/>
      <c r="E26" s="20"/>
      <c r="F26" s="14" t="s">
        <v>19</v>
      </c>
      <c r="G26" s="63">
        <v>1100</v>
      </c>
      <c r="H26" s="59" t="s">
        <v>148</v>
      </c>
      <c r="I26" s="59" t="s">
        <v>148</v>
      </c>
      <c r="J26" s="16"/>
      <c r="K26" s="70">
        <f t="shared" si="0"/>
        <v>0</v>
      </c>
      <c r="L26" s="72">
        <v>0.08</v>
      </c>
      <c r="M26" s="71">
        <f t="shared" si="1"/>
        <v>0</v>
      </c>
      <c r="N26" s="17">
        <f t="shared" si="2"/>
        <v>0</v>
      </c>
      <c r="O26" s="69">
        <f t="shared" si="3"/>
        <v>0</v>
      </c>
      <c r="P26" s="18" t="s">
        <v>49</v>
      </c>
      <c r="Q26" s="19"/>
    </row>
    <row r="27" spans="1:17" ht="20.25" customHeight="1" x14ac:dyDescent="0.25">
      <c r="A27" s="34">
        <v>17</v>
      </c>
      <c r="B27" s="14">
        <v>1</v>
      </c>
      <c r="C27" s="20" t="s">
        <v>52</v>
      </c>
      <c r="D27" s="20"/>
      <c r="E27" s="20"/>
      <c r="F27" s="14" t="s">
        <v>19</v>
      </c>
      <c r="G27" s="63">
        <v>1000</v>
      </c>
      <c r="H27" s="59" t="s">
        <v>148</v>
      </c>
      <c r="I27" s="59" t="s">
        <v>148</v>
      </c>
      <c r="J27" s="16"/>
      <c r="K27" s="70">
        <f t="shared" si="0"/>
        <v>0</v>
      </c>
      <c r="L27" s="72">
        <v>0.08</v>
      </c>
      <c r="M27" s="71">
        <f t="shared" si="1"/>
        <v>0</v>
      </c>
      <c r="N27" s="17">
        <f t="shared" si="2"/>
        <v>0</v>
      </c>
      <c r="O27" s="69">
        <f t="shared" si="3"/>
        <v>0</v>
      </c>
      <c r="P27" s="18" t="s">
        <v>51</v>
      </c>
      <c r="Q27" s="19"/>
    </row>
    <row r="28" spans="1:17" ht="20.25" customHeight="1" x14ac:dyDescent="0.25">
      <c r="A28" s="34">
        <v>18</v>
      </c>
      <c r="B28" s="14">
        <v>1</v>
      </c>
      <c r="C28" s="20" t="s">
        <v>54</v>
      </c>
      <c r="D28" s="20"/>
      <c r="E28" s="20"/>
      <c r="F28" s="14" t="s">
        <v>19</v>
      </c>
      <c r="G28" s="63">
        <v>40</v>
      </c>
      <c r="H28" s="59" t="s">
        <v>148</v>
      </c>
      <c r="I28" s="59" t="s">
        <v>148</v>
      </c>
      <c r="J28" s="16"/>
      <c r="K28" s="70">
        <f t="shared" si="0"/>
        <v>0</v>
      </c>
      <c r="L28" s="72">
        <v>0.08</v>
      </c>
      <c r="M28" s="71">
        <f t="shared" si="1"/>
        <v>0</v>
      </c>
      <c r="N28" s="17">
        <f t="shared" si="2"/>
        <v>0</v>
      </c>
      <c r="O28" s="69">
        <f t="shared" si="3"/>
        <v>0</v>
      </c>
      <c r="P28" s="18" t="s">
        <v>53</v>
      </c>
      <c r="Q28" s="19"/>
    </row>
    <row r="29" spans="1:17" ht="20.25" customHeight="1" x14ac:dyDescent="0.25">
      <c r="A29" s="34">
        <v>19</v>
      </c>
      <c r="B29" s="14">
        <v>1</v>
      </c>
      <c r="C29" s="20" t="s">
        <v>56</v>
      </c>
      <c r="D29" s="20"/>
      <c r="E29" s="20"/>
      <c r="F29" s="14" t="s">
        <v>19</v>
      </c>
      <c r="G29" s="63">
        <v>200</v>
      </c>
      <c r="H29" s="59" t="s">
        <v>148</v>
      </c>
      <c r="I29" s="59" t="s">
        <v>148</v>
      </c>
      <c r="J29" s="16"/>
      <c r="K29" s="70">
        <f t="shared" si="0"/>
        <v>0</v>
      </c>
      <c r="L29" s="72">
        <v>0.08</v>
      </c>
      <c r="M29" s="71">
        <f t="shared" si="1"/>
        <v>0</v>
      </c>
      <c r="N29" s="17">
        <f t="shared" si="2"/>
        <v>0</v>
      </c>
      <c r="O29" s="69">
        <f t="shared" si="3"/>
        <v>0</v>
      </c>
      <c r="P29" s="18" t="s">
        <v>55</v>
      </c>
      <c r="Q29" s="19"/>
    </row>
    <row r="30" spans="1:17" ht="20.25" customHeight="1" x14ac:dyDescent="0.25">
      <c r="A30" s="34">
        <v>20</v>
      </c>
      <c r="B30" s="14">
        <v>1</v>
      </c>
      <c r="C30" s="22" t="s">
        <v>58</v>
      </c>
      <c r="D30" s="22"/>
      <c r="E30" s="22"/>
      <c r="F30" s="23" t="s">
        <v>19</v>
      </c>
      <c r="G30" s="63">
        <v>900</v>
      </c>
      <c r="H30" s="59" t="s">
        <v>148</v>
      </c>
      <c r="I30" s="59" t="s">
        <v>148</v>
      </c>
      <c r="J30" s="16"/>
      <c r="K30" s="70">
        <f t="shared" si="0"/>
        <v>0</v>
      </c>
      <c r="L30" s="72">
        <v>0.08</v>
      </c>
      <c r="M30" s="71">
        <f t="shared" si="1"/>
        <v>0</v>
      </c>
      <c r="N30" s="17">
        <f t="shared" si="2"/>
        <v>0</v>
      </c>
      <c r="O30" s="69">
        <f t="shared" si="3"/>
        <v>0</v>
      </c>
      <c r="P30" s="18" t="s">
        <v>57</v>
      </c>
      <c r="Q30" s="19"/>
    </row>
    <row r="31" spans="1:17" ht="20.25" customHeight="1" x14ac:dyDescent="0.25">
      <c r="A31" s="34">
        <v>21</v>
      </c>
      <c r="B31" s="14">
        <v>1</v>
      </c>
      <c r="C31" s="22" t="s">
        <v>60</v>
      </c>
      <c r="D31" s="22"/>
      <c r="E31" s="22"/>
      <c r="F31" s="23" t="s">
        <v>19</v>
      </c>
      <c r="G31" s="63">
        <v>3600</v>
      </c>
      <c r="H31" s="59" t="s">
        <v>148</v>
      </c>
      <c r="I31" s="59" t="s">
        <v>148</v>
      </c>
      <c r="J31" s="16"/>
      <c r="K31" s="70">
        <f t="shared" si="0"/>
        <v>0</v>
      </c>
      <c r="L31" s="72">
        <v>0.08</v>
      </c>
      <c r="M31" s="71">
        <f t="shared" si="1"/>
        <v>0</v>
      </c>
      <c r="N31" s="17">
        <f t="shared" si="2"/>
        <v>0</v>
      </c>
      <c r="O31" s="69">
        <f t="shared" si="3"/>
        <v>0</v>
      </c>
      <c r="P31" s="18" t="s">
        <v>59</v>
      </c>
      <c r="Q31" s="19"/>
    </row>
    <row r="32" spans="1:17" ht="20.25" customHeight="1" x14ac:dyDescent="0.25">
      <c r="A32" s="34">
        <v>22</v>
      </c>
      <c r="B32" s="14">
        <v>1</v>
      </c>
      <c r="C32" s="22" t="s">
        <v>62</v>
      </c>
      <c r="D32" s="22"/>
      <c r="E32" s="22"/>
      <c r="F32" s="23" t="s">
        <v>19</v>
      </c>
      <c r="G32" s="63">
        <v>27000</v>
      </c>
      <c r="H32" s="59" t="s">
        <v>148</v>
      </c>
      <c r="I32" s="59" t="s">
        <v>148</v>
      </c>
      <c r="J32" s="16"/>
      <c r="K32" s="70">
        <f t="shared" si="0"/>
        <v>0</v>
      </c>
      <c r="L32" s="72">
        <v>0.08</v>
      </c>
      <c r="M32" s="71">
        <f t="shared" si="1"/>
        <v>0</v>
      </c>
      <c r="N32" s="17">
        <f t="shared" si="2"/>
        <v>0</v>
      </c>
      <c r="O32" s="69">
        <f t="shared" si="3"/>
        <v>0</v>
      </c>
      <c r="P32" s="18" t="s">
        <v>61</v>
      </c>
      <c r="Q32" s="19"/>
    </row>
    <row r="33" spans="1:1017" ht="20.25" customHeight="1" x14ac:dyDescent="0.25">
      <c r="A33" s="34">
        <v>23</v>
      </c>
      <c r="B33" s="14">
        <v>1</v>
      </c>
      <c r="C33" s="15" t="s">
        <v>65</v>
      </c>
      <c r="D33" s="15"/>
      <c r="E33" s="15"/>
      <c r="F33" s="14" t="s">
        <v>19</v>
      </c>
      <c r="G33" s="63">
        <v>2000</v>
      </c>
      <c r="H33" s="59" t="s">
        <v>148</v>
      </c>
      <c r="I33" s="59" t="s">
        <v>148</v>
      </c>
      <c r="J33" s="21"/>
      <c r="K33" s="70">
        <f t="shared" si="0"/>
        <v>0</v>
      </c>
      <c r="L33" s="72">
        <v>0.08</v>
      </c>
      <c r="M33" s="71">
        <f t="shared" si="1"/>
        <v>0</v>
      </c>
      <c r="N33" s="17">
        <f t="shared" si="2"/>
        <v>0</v>
      </c>
      <c r="O33" s="69">
        <f t="shared" si="3"/>
        <v>0</v>
      </c>
      <c r="P33" s="18" t="s">
        <v>63</v>
      </c>
      <c r="Q33" s="19"/>
    </row>
    <row r="34" spans="1:1017" ht="20.25" customHeight="1" x14ac:dyDescent="0.25">
      <c r="A34" s="34">
        <v>24</v>
      </c>
      <c r="B34" s="14">
        <v>1</v>
      </c>
      <c r="C34" s="15" t="s">
        <v>67</v>
      </c>
      <c r="D34" s="15"/>
      <c r="E34" s="15"/>
      <c r="F34" s="14" t="s">
        <v>19</v>
      </c>
      <c r="G34" s="63">
        <v>100</v>
      </c>
      <c r="H34" s="59" t="s">
        <v>148</v>
      </c>
      <c r="I34" s="59" t="s">
        <v>148</v>
      </c>
      <c r="J34" s="21"/>
      <c r="K34" s="70">
        <f t="shared" si="0"/>
        <v>0</v>
      </c>
      <c r="L34" s="72">
        <v>0.08</v>
      </c>
      <c r="M34" s="71">
        <f t="shared" si="1"/>
        <v>0</v>
      </c>
      <c r="N34" s="17">
        <f t="shared" si="2"/>
        <v>0</v>
      </c>
      <c r="O34" s="69">
        <f t="shared" si="3"/>
        <v>0</v>
      </c>
      <c r="P34" s="18" t="s">
        <v>64</v>
      </c>
      <c r="Q34" s="19"/>
    </row>
    <row r="35" spans="1:1017" ht="20.25" customHeight="1" x14ac:dyDescent="0.25">
      <c r="A35" s="34">
        <v>25</v>
      </c>
      <c r="B35" s="14">
        <v>1</v>
      </c>
      <c r="C35" s="15" t="s">
        <v>69</v>
      </c>
      <c r="D35" s="15"/>
      <c r="E35" s="15"/>
      <c r="F35" s="14" t="s">
        <v>19</v>
      </c>
      <c r="G35" s="63">
        <v>1000</v>
      </c>
      <c r="H35" s="59" t="s">
        <v>148</v>
      </c>
      <c r="I35" s="59" t="s">
        <v>148</v>
      </c>
      <c r="J35" s="21"/>
      <c r="K35" s="70">
        <f t="shared" si="0"/>
        <v>0</v>
      </c>
      <c r="L35" s="72">
        <v>0.08</v>
      </c>
      <c r="M35" s="71">
        <f t="shared" si="1"/>
        <v>0</v>
      </c>
      <c r="N35" s="17">
        <f t="shared" si="2"/>
        <v>0</v>
      </c>
      <c r="O35" s="69">
        <f t="shared" si="3"/>
        <v>0</v>
      </c>
      <c r="P35" s="18" t="s">
        <v>66</v>
      </c>
      <c r="Q35" s="19"/>
    </row>
    <row r="36" spans="1:1017" ht="20.25" customHeight="1" x14ac:dyDescent="0.25">
      <c r="A36" s="34">
        <v>26</v>
      </c>
      <c r="B36" s="14">
        <v>1</v>
      </c>
      <c r="C36" s="15" t="s">
        <v>71</v>
      </c>
      <c r="D36" s="15"/>
      <c r="E36" s="15"/>
      <c r="F36" s="14" t="s">
        <v>19</v>
      </c>
      <c r="G36" s="63">
        <v>1800</v>
      </c>
      <c r="H36" s="59" t="s">
        <v>148</v>
      </c>
      <c r="I36" s="59" t="s">
        <v>148</v>
      </c>
      <c r="J36" s="21"/>
      <c r="K36" s="70">
        <f t="shared" si="0"/>
        <v>0</v>
      </c>
      <c r="L36" s="72">
        <v>0.08</v>
      </c>
      <c r="M36" s="71">
        <f t="shared" si="1"/>
        <v>0</v>
      </c>
      <c r="N36" s="17">
        <f t="shared" si="2"/>
        <v>0</v>
      </c>
      <c r="O36" s="69">
        <f t="shared" si="3"/>
        <v>0</v>
      </c>
      <c r="P36" s="18" t="s">
        <v>68</v>
      </c>
      <c r="Q36" s="19"/>
    </row>
    <row r="37" spans="1:1017" ht="20.25" customHeight="1" x14ac:dyDescent="0.25">
      <c r="A37" s="34">
        <v>27</v>
      </c>
      <c r="B37" s="14">
        <v>1</v>
      </c>
      <c r="C37" s="15" t="s">
        <v>73</v>
      </c>
      <c r="D37" s="15"/>
      <c r="E37" s="15"/>
      <c r="F37" s="14" t="s">
        <v>19</v>
      </c>
      <c r="G37" s="63">
        <v>150</v>
      </c>
      <c r="H37" s="59" t="s">
        <v>148</v>
      </c>
      <c r="I37" s="59" t="s">
        <v>148</v>
      </c>
      <c r="J37" s="21"/>
      <c r="K37" s="70">
        <f t="shared" si="0"/>
        <v>0</v>
      </c>
      <c r="L37" s="72">
        <v>0.08</v>
      </c>
      <c r="M37" s="71">
        <f t="shared" si="1"/>
        <v>0</v>
      </c>
      <c r="N37" s="17">
        <f t="shared" si="2"/>
        <v>0</v>
      </c>
      <c r="O37" s="69">
        <f t="shared" si="3"/>
        <v>0</v>
      </c>
      <c r="P37" s="18" t="s">
        <v>70</v>
      </c>
      <c r="Q37" s="19"/>
    </row>
    <row r="38" spans="1:1017" ht="20.25" customHeight="1" x14ac:dyDescent="0.25">
      <c r="A38" s="34">
        <v>28</v>
      </c>
      <c r="B38" s="14">
        <v>1</v>
      </c>
      <c r="C38" s="15" t="s">
        <v>75</v>
      </c>
      <c r="D38" s="15"/>
      <c r="E38" s="15"/>
      <c r="F38" s="14" t="s">
        <v>19</v>
      </c>
      <c r="G38" s="63">
        <v>10</v>
      </c>
      <c r="H38" s="59" t="s">
        <v>148</v>
      </c>
      <c r="I38" s="59" t="s">
        <v>148</v>
      </c>
      <c r="J38" s="21"/>
      <c r="K38" s="70">
        <f t="shared" si="0"/>
        <v>0</v>
      </c>
      <c r="L38" s="72">
        <v>0.08</v>
      </c>
      <c r="M38" s="71">
        <f t="shared" si="1"/>
        <v>0</v>
      </c>
      <c r="N38" s="17">
        <f t="shared" si="2"/>
        <v>0</v>
      </c>
      <c r="O38" s="69">
        <f t="shared" si="3"/>
        <v>0</v>
      </c>
      <c r="P38" s="18" t="s">
        <v>72</v>
      </c>
      <c r="Q38" s="19"/>
    </row>
    <row r="39" spans="1:1017" ht="20.25" customHeight="1" x14ac:dyDescent="0.25">
      <c r="A39" s="34">
        <v>29</v>
      </c>
      <c r="B39" s="14">
        <v>1</v>
      </c>
      <c r="C39" s="20" t="s">
        <v>77</v>
      </c>
      <c r="D39" s="20"/>
      <c r="E39" s="20"/>
      <c r="F39" s="14" t="s">
        <v>78</v>
      </c>
      <c r="G39" s="63">
        <v>40</v>
      </c>
      <c r="H39" s="59" t="s">
        <v>148</v>
      </c>
      <c r="I39" s="59" t="s">
        <v>148</v>
      </c>
      <c r="J39" s="16"/>
      <c r="K39" s="70">
        <f t="shared" si="0"/>
        <v>0</v>
      </c>
      <c r="L39" s="72">
        <v>0.08</v>
      </c>
      <c r="M39" s="71">
        <f t="shared" si="1"/>
        <v>0</v>
      </c>
      <c r="N39" s="17">
        <f t="shared" si="2"/>
        <v>0</v>
      </c>
      <c r="O39" s="69">
        <f t="shared" si="3"/>
        <v>0</v>
      </c>
      <c r="P39" s="18" t="s">
        <v>74</v>
      </c>
      <c r="Q39" s="19"/>
    </row>
    <row r="40" spans="1:1017" x14ac:dyDescent="0.25">
      <c r="A40" s="34">
        <v>30</v>
      </c>
      <c r="B40" s="14">
        <v>1</v>
      </c>
      <c r="C40" s="20" t="s">
        <v>81</v>
      </c>
      <c r="D40" s="20"/>
      <c r="E40" s="20"/>
      <c r="F40" s="14" t="s">
        <v>78</v>
      </c>
      <c r="G40" s="63">
        <v>5</v>
      </c>
      <c r="H40" s="59" t="s">
        <v>148</v>
      </c>
      <c r="I40" s="59" t="s">
        <v>148</v>
      </c>
      <c r="J40" s="16"/>
      <c r="K40" s="70">
        <f t="shared" si="0"/>
        <v>0</v>
      </c>
      <c r="L40" s="72">
        <v>0.08</v>
      </c>
      <c r="M40" s="71">
        <f t="shared" si="1"/>
        <v>0</v>
      </c>
      <c r="N40" s="17">
        <f t="shared" si="2"/>
        <v>0</v>
      </c>
      <c r="O40" s="69">
        <f t="shared" si="3"/>
        <v>0</v>
      </c>
      <c r="P40" s="18" t="s">
        <v>76</v>
      </c>
      <c r="Q40" s="19"/>
    </row>
    <row r="41" spans="1:1017" ht="20.25" customHeight="1" x14ac:dyDescent="0.25">
      <c r="A41" s="34">
        <v>31</v>
      </c>
      <c r="B41" s="14">
        <v>1</v>
      </c>
      <c r="C41" s="15" t="s">
        <v>86</v>
      </c>
      <c r="D41" s="15"/>
      <c r="E41" s="15"/>
      <c r="F41" s="14" t="s">
        <v>87</v>
      </c>
      <c r="G41" s="63">
        <v>13</v>
      </c>
      <c r="H41" s="59" t="s">
        <v>148</v>
      </c>
      <c r="I41" s="59" t="s">
        <v>148</v>
      </c>
      <c r="J41" s="16"/>
      <c r="K41" s="70">
        <f t="shared" si="0"/>
        <v>0</v>
      </c>
      <c r="L41" s="72">
        <v>0.08</v>
      </c>
      <c r="M41" s="71">
        <f t="shared" si="1"/>
        <v>0</v>
      </c>
      <c r="N41" s="17">
        <f t="shared" si="2"/>
        <v>0</v>
      </c>
      <c r="O41" s="69">
        <f t="shared" si="3"/>
        <v>0</v>
      </c>
      <c r="P41" s="18" t="s">
        <v>79</v>
      </c>
      <c r="Q41" s="19"/>
    </row>
    <row r="42" spans="1:1017" ht="20.25" customHeight="1" x14ac:dyDescent="0.25">
      <c r="A42" s="34">
        <v>32</v>
      </c>
      <c r="B42" s="14">
        <v>1</v>
      </c>
      <c r="C42" s="15" t="s">
        <v>96</v>
      </c>
      <c r="D42" s="15"/>
      <c r="E42" s="15"/>
      <c r="F42" s="14" t="s">
        <v>78</v>
      </c>
      <c r="G42" s="63">
        <v>5</v>
      </c>
      <c r="H42" s="59" t="s">
        <v>148</v>
      </c>
      <c r="I42" s="59" t="s">
        <v>148</v>
      </c>
      <c r="J42" s="16"/>
      <c r="K42" s="70">
        <f t="shared" si="0"/>
        <v>0</v>
      </c>
      <c r="L42" s="72">
        <v>0.08</v>
      </c>
      <c r="M42" s="71">
        <f t="shared" si="1"/>
        <v>0</v>
      </c>
      <c r="N42" s="17">
        <f t="shared" si="2"/>
        <v>0</v>
      </c>
      <c r="O42" s="69">
        <f t="shared" si="3"/>
        <v>0</v>
      </c>
      <c r="P42" s="18" t="s">
        <v>80</v>
      </c>
      <c r="Q42" s="19"/>
      <c r="R42" s="24"/>
      <c r="S42" s="24"/>
      <c r="T42" s="24"/>
      <c r="U42" s="24"/>
      <c r="V42" s="24"/>
      <c r="W42" s="24"/>
      <c r="X42" s="24"/>
      <c r="Y42" s="24"/>
      <c r="Z42" s="24"/>
      <c r="AA42" s="24"/>
      <c r="AB42" s="24"/>
      <c r="AC42" s="24"/>
      <c r="AD42" s="24"/>
      <c r="AE42" s="24"/>
      <c r="AF42" s="24"/>
      <c r="AG42" s="24"/>
      <c r="AH42" s="24"/>
      <c r="AI42" s="24"/>
      <c r="AJ42" s="24"/>
      <c r="AK42" s="24"/>
      <c r="AL42" s="24"/>
      <c r="AM42" s="24"/>
      <c r="AN42" s="24"/>
      <c r="AO42" s="24"/>
      <c r="AP42" s="24"/>
      <c r="AQ42" s="24"/>
      <c r="AR42" s="24"/>
      <c r="AS42" s="24"/>
      <c r="AT42" s="24"/>
      <c r="AU42" s="24"/>
      <c r="AV42" s="24"/>
      <c r="AW42" s="24"/>
      <c r="AX42" s="24"/>
      <c r="AY42" s="24"/>
      <c r="AZ42" s="24"/>
      <c r="BA42" s="24"/>
      <c r="BB42" s="24"/>
      <c r="BC42" s="24"/>
      <c r="BD42" s="24"/>
      <c r="BE42" s="24"/>
      <c r="BF42" s="24"/>
      <c r="BG42" s="24"/>
      <c r="BH42" s="24"/>
      <c r="BI42" s="24"/>
      <c r="BJ42" s="24"/>
      <c r="BK42" s="24"/>
      <c r="BL42" s="24"/>
      <c r="BM42" s="24"/>
      <c r="BN42" s="24"/>
      <c r="BO42" s="24"/>
      <c r="BP42" s="24"/>
      <c r="BQ42" s="24"/>
      <c r="BR42" s="24"/>
      <c r="BS42" s="24"/>
      <c r="BT42" s="24"/>
      <c r="BU42" s="24"/>
      <c r="BV42" s="24"/>
      <c r="BW42" s="24"/>
      <c r="BX42" s="24"/>
      <c r="BY42" s="24"/>
      <c r="BZ42" s="24"/>
      <c r="CA42" s="24"/>
      <c r="CB42" s="24"/>
      <c r="CC42" s="24"/>
      <c r="CD42" s="24"/>
      <c r="CE42" s="24"/>
      <c r="CF42" s="24"/>
      <c r="CG42" s="24"/>
      <c r="CH42" s="24"/>
      <c r="CI42" s="24"/>
      <c r="CJ42" s="24"/>
      <c r="CK42" s="24"/>
      <c r="CL42" s="24"/>
      <c r="CM42" s="24"/>
      <c r="CN42" s="24"/>
      <c r="CO42" s="24"/>
      <c r="CP42" s="24"/>
      <c r="CQ42" s="24"/>
      <c r="CR42" s="24"/>
      <c r="CS42" s="24"/>
      <c r="CT42" s="24"/>
      <c r="CU42" s="24"/>
      <c r="CV42" s="24"/>
      <c r="CW42" s="24"/>
      <c r="CX42" s="24"/>
      <c r="CY42" s="24"/>
      <c r="CZ42" s="24"/>
      <c r="DA42" s="24"/>
      <c r="DB42" s="24"/>
      <c r="DC42" s="24"/>
      <c r="DD42" s="24"/>
      <c r="DE42" s="24"/>
      <c r="DF42" s="24"/>
      <c r="DG42" s="24"/>
      <c r="DH42" s="24"/>
      <c r="DI42" s="24"/>
      <c r="DJ42" s="24"/>
      <c r="DK42" s="24"/>
      <c r="DL42" s="24"/>
      <c r="DM42" s="24"/>
      <c r="DN42" s="24"/>
      <c r="DO42" s="24"/>
      <c r="DP42" s="24"/>
      <c r="DQ42" s="24"/>
      <c r="DR42" s="24"/>
      <c r="DS42" s="24"/>
      <c r="DT42" s="24"/>
      <c r="DU42" s="24"/>
      <c r="DV42" s="24"/>
      <c r="DW42" s="24"/>
      <c r="DX42" s="24"/>
      <c r="DY42" s="24"/>
      <c r="DZ42" s="24"/>
      <c r="EA42" s="24"/>
      <c r="EB42" s="24"/>
      <c r="EC42" s="24"/>
      <c r="ED42" s="24"/>
      <c r="EE42" s="24"/>
      <c r="EF42" s="24"/>
      <c r="EG42" s="24"/>
      <c r="EH42" s="24"/>
      <c r="EI42" s="24"/>
      <c r="EJ42" s="24"/>
      <c r="EK42" s="24"/>
      <c r="EL42" s="24"/>
      <c r="EM42" s="24"/>
      <c r="EN42" s="24"/>
      <c r="EO42" s="24"/>
      <c r="EP42" s="24"/>
      <c r="EQ42" s="24"/>
      <c r="ER42" s="24"/>
      <c r="ES42" s="24"/>
      <c r="ET42" s="24"/>
      <c r="EU42" s="24"/>
      <c r="EV42" s="24"/>
      <c r="EW42" s="24"/>
      <c r="EX42" s="24"/>
      <c r="EY42" s="24"/>
      <c r="EZ42" s="24"/>
      <c r="FA42" s="24"/>
      <c r="FB42" s="24"/>
      <c r="FC42" s="24"/>
      <c r="FD42" s="24"/>
      <c r="FE42" s="24"/>
      <c r="FF42" s="24"/>
      <c r="FG42" s="24"/>
      <c r="FH42" s="24"/>
      <c r="FI42" s="24"/>
      <c r="FJ42" s="24"/>
      <c r="FK42" s="24"/>
      <c r="FL42" s="24"/>
      <c r="FM42" s="24"/>
      <c r="FN42" s="24"/>
      <c r="FO42" s="24"/>
      <c r="FP42" s="24"/>
      <c r="FQ42" s="24"/>
      <c r="FR42" s="24"/>
      <c r="FS42" s="24"/>
      <c r="FT42" s="24"/>
      <c r="FU42" s="24"/>
      <c r="FV42" s="24"/>
      <c r="FW42" s="24"/>
      <c r="FX42" s="24"/>
      <c r="FY42" s="24"/>
      <c r="FZ42" s="24"/>
      <c r="GA42" s="24"/>
      <c r="GB42" s="24"/>
      <c r="GC42" s="24"/>
      <c r="GD42" s="24"/>
      <c r="GE42" s="24"/>
      <c r="GF42" s="24"/>
      <c r="GG42" s="24"/>
      <c r="GH42" s="24"/>
      <c r="GI42" s="24"/>
      <c r="GJ42" s="24"/>
      <c r="GK42" s="24"/>
      <c r="GL42" s="24"/>
      <c r="GM42" s="24"/>
      <c r="GN42" s="24"/>
      <c r="GO42" s="24"/>
      <c r="GP42" s="24"/>
      <c r="GQ42" s="24"/>
      <c r="GR42" s="24"/>
      <c r="GS42" s="24"/>
      <c r="GT42" s="24"/>
      <c r="GU42" s="24"/>
      <c r="GV42" s="24"/>
      <c r="GW42" s="24"/>
      <c r="GX42" s="24"/>
      <c r="GY42" s="24"/>
      <c r="GZ42" s="24"/>
      <c r="HA42" s="24"/>
      <c r="HB42" s="24"/>
      <c r="HC42" s="24"/>
      <c r="HD42" s="24"/>
      <c r="HE42" s="24"/>
      <c r="HF42" s="24"/>
      <c r="HG42" s="24"/>
      <c r="HH42" s="24"/>
      <c r="HI42" s="24"/>
      <c r="HJ42" s="24"/>
      <c r="HK42" s="24"/>
      <c r="HL42" s="24"/>
      <c r="HM42" s="24"/>
      <c r="HN42" s="24"/>
      <c r="HO42" s="24"/>
      <c r="HP42" s="24"/>
      <c r="HQ42" s="24"/>
      <c r="HR42" s="24"/>
      <c r="HS42" s="24"/>
      <c r="HT42" s="24"/>
      <c r="HU42" s="24"/>
      <c r="HV42" s="24"/>
      <c r="HW42" s="24"/>
      <c r="HX42" s="24"/>
      <c r="HY42" s="24"/>
      <c r="HZ42" s="24"/>
      <c r="IA42" s="24"/>
      <c r="IB42" s="24"/>
      <c r="IC42" s="24"/>
      <c r="ID42" s="24"/>
      <c r="IE42" s="24"/>
      <c r="IF42" s="24"/>
      <c r="IG42" s="24"/>
      <c r="IH42" s="24"/>
      <c r="II42" s="24"/>
      <c r="IJ42" s="24"/>
      <c r="IK42" s="24"/>
      <c r="IL42" s="24"/>
      <c r="IM42" s="24"/>
      <c r="IN42" s="24"/>
      <c r="IO42" s="24"/>
      <c r="IP42" s="24"/>
      <c r="IQ42" s="24"/>
      <c r="IR42" s="24"/>
      <c r="IS42" s="24"/>
      <c r="IT42" s="24"/>
      <c r="IU42" s="24"/>
      <c r="IV42" s="24"/>
      <c r="IW42" s="24"/>
      <c r="IX42" s="24"/>
      <c r="IY42" s="24"/>
      <c r="IZ42" s="24"/>
      <c r="JA42" s="24"/>
      <c r="JB42" s="24"/>
      <c r="JC42" s="24"/>
      <c r="JD42" s="24"/>
      <c r="JE42" s="24"/>
      <c r="JF42" s="24"/>
      <c r="JG42" s="24"/>
      <c r="JH42" s="24"/>
      <c r="JI42" s="24"/>
      <c r="JJ42" s="24"/>
      <c r="JK42" s="24"/>
      <c r="JL42" s="24"/>
      <c r="JM42" s="24"/>
      <c r="JN42" s="24"/>
      <c r="JO42" s="24"/>
      <c r="JP42" s="24"/>
      <c r="JQ42" s="24"/>
      <c r="JR42" s="24"/>
      <c r="JS42" s="24"/>
      <c r="JT42" s="24"/>
      <c r="JU42" s="24"/>
      <c r="JV42" s="24"/>
      <c r="JW42" s="24"/>
      <c r="JX42" s="24"/>
      <c r="JY42" s="24"/>
      <c r="JZ42" s="24"/>
      <c r="KA42" s="24"/>
      <c r="KB42" s="24"/>
      <c r="KC42" s="24"/>
      <c r="KD42" s="24"/>
      <c r="KE42" s="24"/>
      <c r="KF42" s="24"/>
      <c r="KG42" s="24"/>
      <c r="KH42" s="24"/>
      <c r="KI42" s="24"/>
      <c r="KJ42" s="24"/>
      <c r="KK42" s="24"/>
      <c r="KL42" s="24"/>
      <c r="KM42" s="24"/>
      <c r="KN42" s="24"/>
      <c r="KO42" s="24"/>
      <c r="KP42" s="24"/>
      <c r="KQ42" s="24"/>
      <c r="KR42" s="24"/>
      <c r="KS42" s="24"/>
      <c r="KT42" s="24"/>
      <c r="KU42" s="24"/>
      <c r="KV42" s="24"/>
      <c r="KW42" s="24"/>
      <c r="KX42" s="24"/>
      <c r="KY42" s="24"/>
      <c r="KZ42" s="24"/>
      <c r="LA42" s="24"/>
      <c r="LB42" s="24"/>
      <c r="LC42" s="24"/>
      <c r="LD42" s="24"/>
      <c r="LE42" s="24"/>
      <c r="LF42" s="24"/>
      <c r="LG42" s="24"/>
      <c r="LH42" s="24"/>
      <c r="LI42" s="24"/>
      <c r="LJ42" s="24"/>
      <c r="LK42" s="24"/>
      <c r="LL42" s="24"/>
      <c r="LM42" s="24"/>
      <c r="LN42" s="24"/>
      <c r="LO42" s="24"/>
      <c r="LP42" s="24"/>
      <c r="LQ42" s="24"/>
      <c r="LR42" s="24"/>
      <c r="LS42" s="24"/>
      <c r="LT42" s="24"/>
      <c r="LU42" s="24"/>
      <c r="LV42" s="24"/>
      <c r="LW42" s="24"/>
      <c r="LX42" s="24"/>
      <c r="LY42" s="24"/>
      <c r="LZ42" s="24"/>
      <c r="MA42" s="24"/>
      <c r="MB42" s="24"/>
      <c r="MC42" s="24"/>
      <c r="MD42" s="24"/>
      <c r="ME42" s="24"/>
      <c r="MF42" s="24"/>
      <c r="MG42" s="24"/>
      <c r="MH42" s="24"/>
      <c r="MI42" s="24"/>
      <c r="MJ42" s="24"/>
      <c r="MK42" s="24"/>
      <c r="ML42" s="24"/>
      <c r="MM42" s="24"/>
      <c r="MN42" s="24"/>
      <c r="MO42" s="24"/>
      <c r="MP42" s="24"/>
      <c r="MQ42" s="24"/>
      <c r="MR42" s="24"/>
      <c r="MS42" s="24"/>
      <c r="MT42" s="24"/>
      <c r="MU42" s="24"/>
      <c r="MV42" s="24"/>
      <c r="MW42" s="24"/>
      <c r="MX42" s="24"/>
      <c r="MY42" s="24"/>
      <c r="MZ42" s="24"/>
      <c r="NA42" s="24"/>
      <c r="NB42" s="24"/>
      <c r="NC42" s="24"/>
      <c r="ND42" s="24"/>
      <c r="NE42" s="24"/>
      <c r="NF42" s="24"/>
      <c r="NG42" s="24"/>
      <c r="NH42" s="24"/>
      <c r="NI42" s="24"/>
      <c r="NJ42" s="24"/>
      <c r="NK42" s="24"/>
      <c r="NL42" s="24"/>
      <c r="NM42" s="24"/>
      <c r="NN42" s="24"/>
      <c r="NO42" s="24"/>
      <c r="NP42" s="24"/>
      <c r="NQ42" s="24"/>
      <c r="NR42" s="24"/>
      <c r="NS42" s="24"/>
      <c r="NT42" s="24"/>
      <c r="NU42" s="24"/>
      <c r="NV42" s="24"/>
      <c r="NW42" s="24"/>
      <c r="NX42" s="24"/>
      <c r="NY42" s="24"/>
      <c r="NZ42" s="24"/>
      <c r="OA42" s="24"/>
      <c r="OB42" s="24"/>
      <c r="OC42" s="24"/>
      <c r="OD42" s="24"/>
      <c r="OE42" s="24"/>
      <c r="OF42" s="24"/>
      <c r="OG42" s="24"/>
      <c r="OH42" s="24"/>
      <c r="OI42" s="24"/>
      <c r="OJ42" s="24"/>
      <c r="OK42" s="24"/>
      <c r="OL42" s="24"/>
      <c r="OM42" s="24"/>
      <c r="ON42" s="24"/>
      <c r="OO42" s="24"/>
      <c r="OP42" s="24"/>
      <c r="OQ42" s="24"/>
      <c r="OR42" s="24"/>
      <c r="OS42" s="24"/>
      <c r="OT42" s="24"/>
      <c r="OU42" s="24"/>
      <c r="OV42" s="24"/>
      <c r="OW42" s="24"/>
      <c r="OX42" s="24"/>
      <c r="OY42" s="24"/>
      <c r="OZ42" s="24"/>
      <c r="PA42" s="24"/>
      <c r="PB42" s="24"/>
      <c r="PC42" s="24"/>
      <c r="PD42" s="24"/>
      <c r="PE42" s="24"/>
      <c r="PF42" s="24"/>
      <c r="PG42" s="24"/>
      <c r="PH42" s="24"/>
      <c r="PI42" s="24"/>
      <c r="PJ42" s="24"/>
      <c r="PK42" s="24"/>
      <c r="PL42" s="24"/>
      <c r="PM42" s="24"/>
      <c r="PN42" s="24"/>
      <c r="PO42" s="24"/>
      <c r="PP42" s="24"/>
      <c r="PQ42" s="24"/>
      <c r="PR42" s="24"/>
      <c r="PS42" s="24"/>
      <c r="PT42" s="24"/>
      <c r="PU42" s="24"/>
      <c r="PV42" s="24"/>
      <c r="PW42" s="24"/>
      <c r="PX42" s="24"/>
      <c r="PY42" s="24"/>
      <c r="PZ42" s="24"/>
      <c r="QA42" s="24"/>
      <c r="QB42" s="24"/>
      <c r="QC42" s="24"/>
      <c r="QD42" s="24"/>
      <c r="QE42" s="24"/>
      <c r="QF42" s="24"/>
      <c r="QG42" s="24"/>
      <c r="QH42" s="24"/>
      <c r="QI42" s="24"/>
      <c r="QJ42" s="24"/>
      <c r="QK42" s="24"/>
      <c r="QL42" s="24"/>
      <c r="QM42" s="24"/>
      <c r="QN42" s="24"/>
      <c r="QO42" s="24"/>
      <c r="QP42" s="24"/>
      <c r="QQ42" s="24"/>
      <c r="QR42" s="24"/>
      <c r="QS42" s="24"/>
      <c r="QT42" s="24"/>
      <c r="QU42" s="24"/>
      <c r="QV42" s="24"/>
      <c r="QW42" s="24"/>
      <c r="QX42" s="24"/>
      <c r="QY42" s="24"/>
      <c r="QZ42" s="24"/>
      <c r="RA42" s="24"/>
      <c r="RB42" s="24"/>
      <c r="RC42" s="24"/>
      <c r="RD42" s="24"/>
      <c r="RE42" s="24"/>
      <c r="RF42" s="24"/>
      <c r="RG42" s="24"/>
      <c r="RH42" s="24"/>
      <c r="RI42" s="24"/>
      <c r="RJ42" s="24"/>
      <c r="RK42" s="24"/>
      <c r="RL42" s="24"/>
      <c r="RM42" s="24"/>
      <c r="RN42" s="24"/>
      <c r="RO42" s="24"/>
      <c r="RP42" s="24"/>
      <c r="RQ42" s="24"/>
      <c r="RR42" s="24"/>
      <c r="RS42" s="24"/>
      <c r="RT42" s="24"/>
      <c r="RU42" s="24"/>
      <c r="RV42" s="24"/>
      <c r="RW42" s="24"/>
      <c r="RX42" s="24"/>
      <c r="RY42" s="24"/>
      <c r="RZ42" s="24"/>
      <c r="SA42" s="24"/>
      <c r="SB42" s="24"/>
      <c r="SC42" s="24"/>
      <c r="SD42" s="24"/>
      <c r="SE42" s="24"/>
      <c r="SF42" s="24"/>
      <c r="SG42" s="24"/>
      <c r="SH42" s="24"/>
      <c r="SI42" s="24"/>
      <c r="SJ42" s="24"/>
      <c r="SK42" s="24"/>
      <c r="SL42" s="24"/>
      <c r="SM42" s="24"/>
      <c r="SN42" s="24"/>
      <c r="SO42" s="24"/>
      <c r="SP42" s="24"/>
      <c r="SQ42" s="24"/>
      <c r="SR42" s="24"/>
      <c r="SS42" s="24"/>
      <c r="ST42" s="24"/>
      <c r="SU42" s="24"/>
      <c r="SV42" s="24"/>
      <c r="SW42" s="24"/>
      <c r="SX42" s="24"/>
      <c r="SY42" s="24"/>
      <c r="SZ42" s="24"/>
      <c r="TA42" s="24"/>
      <c r="TB42" s="24"/>
      <c r="TC42" s="24"/>
      <c r="TD42" s="24"/>
      <c r="TE42" s="24"/>
      <c r="TF42" s="24"/>
      <c r="TG42" s="24"/>
      <c r="TH42" s="24"/>
      <c r="TI42" s="24"/>
      <c r="TJ42" s="24"/>
      <c r="TK42" s="24"/>
      <c r="TL42" s="24"/>
      <c r="TM42" s="24"/>
      <c r="TN42" s="24"/>
      <c r="TO42" s="24"/>
      <c r="TP42" s="24"/>
      <c r="TQ42" s="24"/>
      <c r="TR42" s="24"/>
      <c r="TS42" s="24"/>
      <c r="TT42" s="24"/>
      <c r="TU42" s="24"/>
      <c r="TV42" s="24"/>
      <c r="TW42" s="24"/>
      <c r="TX42" s="24"/>
      <c r="TY42" s="24"/>
      <c r="TZ42" s="24"/>
      <c r="UA42" s="24"/>
      <c r="UB42" s="24"/>
      <c r="UC42" s="24"/>
      <c r="UD42" s="24"/>
      <c r="UE42" s="24"/>
      <c r="UF42" s="24"/>
      <c r="UG42" s="24"/>
      <c r="UH42" s="24"/>
      <c r="UI42" s="24"/>
      <c r="UJ42" s="24"/>
      <c r="UK42" s="24"/>
      <c r="UL42" s="24"/>
      <c r="UM42" s="24"/>
      <c r="UN42" s="24"/>
      <c r="UO42" s="24"/>
      <c r="UP42" s="24"/>
      <c r="UQ42" s="24"/>
      <c r="UR42" s="24"/>
      <c r="US42" s="24"/>
      <c r="UT42" s="24"/>
      <c r="UU42" s="24"/>
      <c r="UV42" s="24"/>
      <c r="UW42" s="24"/>
      <c r="UX42" s="24"/>
      <c r="UY42" s="24"/>
      <c r="UZ42" s="24"/>
      <c r="VA42" s="24"/>
      <c r="VB42" s="24"/>
      <c r="VC42" s="24"/>
      <c r="VD42" s="24"/>
      <c r="VE42" s="24"/>
      <c r="VF42" s="24"/>
      <c r="VG42" s="24"/>
      <c r="VH42" s="24"/>
      <c r="VI42" s="24"/>
      <c r="VJ42" s="24"/>
      <c r="VK42" s="24"/>
      <c r="VL42" s="24"/>
      <c r="VM42" s="24"/>
      <c r="VN42" s="24"/>
      <c r="VO42" s="24"/>
      <c r="VP42" s="24"/>
      <c r="VQ42" s="24"/>
      <c r="VR42" s="24"/>
      <c r="VS42" s="24"/>
      <c r="VT42" s="24"/>
      <c r="VU42" s="24"/>
      <c r="VV42" s="24"/>
      <c r="VW42" s="24"/>
      <c r="VX42" s="24"/>
      <c r="VY42" s="24"/>
      <c r="VZ42" s="24"/>
      <c r="WA42" s="24"/>
      <c r="WB42" s="24"/>
      <c r="WC42" s="24"/>
      <c r="WD42" s="24"/>
      <c r="WE42" s="24"/>
      <c r="WF42" s="24"/>
      <c r="WG42" s="24"/>
      <c r="WH42" s="24"/>
      <c r="WI42" s="24"/>
      <c r="WJ42" s="24"/>
      <c r="WK42" s="24"/>
      <c r="WL42" s="24"/>
      <c r="WM42" s="24"/>
      <c r="WN42" s="24"/>
      <c r="WO42" s="24"/>
      <c r="WP42" s="24"/>
      <c r="WQ42" s="24"/>
      <c r="WR42" s="24"/>
      <c r="WS42" s="24"/>
      <c r="WT42" s="24"/>
      <c r="WU42" s="24"/>
      <c r="WV42" s="24"/>
      <c r="WW42" s="24"/>
      <c r="WX42" s="24"/>
      <c r="WY42" s="24"/>
      <c r="WZ42" s="24"/>
      <c r="XA42" s="24"/>
      <c r="XB42" s="24"/>
      <c r="XC42" s="24"/>
      <c r="XD42" s="24"/>
      <c r="XE42" s="24"/>
      <c r="XF42" s="24"/>
      <c r="XG42" s="24"/>
      <c r="XH42" s="24"/>
      <c r="XI42" s="24"/>
      <c r="XJ42" s="24"/>
      <c r="XK42" s="24"/>
      <c r="XL42" s="24"/>
      <c r="XM42" s="24"/>
      <c r="XN42" s="24"/>
      <c r="XO42" s="24"/>
      <c r="XP42" s="24"/>
      <c r="XQ42" s="24"/>
      <c r="XR42" s="24"/>
      <c r="XS42" s="24"/>
      <c r="XT42" s="24"/>
      <c r="XU42" s="24"/>
      <c r="XV42" s="24"/>
      <c r="XW42" s="24"/>
      <c r="XX42" s="24"/>
      <c r="XY42" s="24"/>
      <c r="XZ42" s="24"/>
      <c r="YA42" s="24"/>
      <c r="YB42" s="24"/>
      <c r="YC42" s="24"/>
      <c r="YD42" s="24"/>
      <c r="YE42" s="24"/>
      <c r="YF42" s="24"/>
      <c r="YG42" s="24"/>
      <c r="YH42" s="24"/>
      <c r="YI42" s="24"/>
      <c r="YJ42" s="24"/>
      <c r="YK42" s="24"/>
      <c r="YL42" s="24"/>
      <c r="YM42" s="24"/>
      <c r="YN42" s="24"/>
      <c r="YO42" s="24"/>
      <c r="YP42" s="24"/>
      <c r="YQ42" s="24"/>
      <c r="YR42" s="24"/>
      <c r="YS42" s="24"/>
      <c r="YT42" s="24"/>
      <c r="YU42" s="24"/>
      <c r="YV42" s="24"/>
      <c r="YW42" s="24"/>
      <c r="YX42" s="24"/>
      <c r="YY42" s="24"/>
      <c r="YZ42" s="24"/>
      <c r="ZA42" s="24"/>
      <c r="ZB42" s="24"/>
      <c r="ZC42" s="24"/>
      <c r="ZD42" s="24"/>
      <c r="ZE42" s="24"/>
      <c r="ZF42" s="24"/>
      <c r="ZG42" s="24"/>
      <c r="ZH42" s="24"/>
      <c r="ZI42" s="24"/>
      <c r="ZJ42" s="24"/>
      <c r="ZK42" s="24"/>
      <c r="ZL42" s="24"/>
      <c r="ZM42" s="24"/>
      <c r="ZN42" s="24"/>
      <c r="ZO42" s="24"/>
      <c r="ZP42" s="24"/>
      <c r="ZQ42" s="24"/>
      <c r="ZR42" s="24"/>
      <c r="ZS42" s="24"/>
      <c r="ZT42" s="24"/>
      <c r="ZU42" s="24"/>
      <c r="ZV42" s="24"/>
      <c r="ZW42" s="24"/>
      <c r="ZX42" s="24"/>
      <c r="ZY42" s="24"/>
      <c r="ZZ42" s="24"/>
      <c r="AAA42" s="24"/>
      <c r="AAB42" s="24"/>
      <c r="AAC42" s="24"/>
      <c r="AAD42" s="24"/>
      <c r="AAE42" s="24"/>
      <c r="AAF42" s="24"/>
      <c r="AAG42" s="24"/>
      <c r="AAH42" s="24"/>
      <c r="AAI42" s="24"/>
      <c r="AAJ42" s="24"/>
      <c r="AAK42" s="24"/>
      <c r="AAL42" s="24"/>
      <c r="AAM42" s="24"/>
      <c r="AAN42" s="24"/>
      <c r="AAO42" s="24"/>
      <c r="AAP42" s="24"/>
      <c r="AAQ42" s="24"/>
      <c r="AAR42" s="24"/>
      <c r="AAS42" s="24"/>
      <c r="AAT42" s="24"/>
      <c r="AAU42" s="24"/>
      <c r="AAV42" s="24"/>
      <c r="AAW42" s="24"/>
      <c r="AAX42" s="24"/>
      <c r="AAY42" s="24"/>
      <c r="AAZ42" s="24"/>
      <c r="ABA42" s="24"/>
      <c r="ABB42" s="24"/>
      <c r="ABC42" s="24"/>
      <c r="ABD42" s="24"/>
      <c r="ABE42" s="24"/>
      <c r="ABF42" s="24"/>
      <c r="ABG42" s="24"/>
      <c r="ABH42" s="24"/>
      <c r="ABI42" s="24"/>
      <c r="ABJ42" s="24"/>
      <c r="ABK42" s="24"/>
      <c r="ABL42" s="24"/>
      <c r="ABM42" s="24"/>
      <c r="ABN42" s="24"/>
      <c r="ABO42" s="24"/>
      <c r="ABP42" s="24"/>
      <c r="ABQ42" s="24"/>
      <c r="ABR42" s="24"/>
      <c r="ABS42" s="24"/>
      <c r="ABT42" s="24"/>
      <c r="ABU42" s="24"/>
      <c r="ABV42" s="24"/>
      <c r="ABW42" s="24"/>
      <c r="ABX42" s="24"/>
      <c r="ABY42" s="24"/>
      <c r="ABZ42" s="24"/>
      <c r="ACA42" s="24"/>
      <c r="ACB42" s="24"/>
      <c r="ACC42" s="24"/>
      <c r="ACD42" s="24"/>
      <c r="ACE42" s="24"/>
      <c r="ACF42" s="24"/>
      <c r="ACG42" s="24"/>
      <c r="ACH42" s="24"/>
      <c r="ACI42" s="24"/>
      <c r="ACJ42" s="24"/>
      <c r="ACK42" s="24"/>
      <c r="ACL42" s="24"/>
      <c r="ACM42" s="24"/>
      <c r="ACN42" s="24"/>
      <c r="ACO42" s="24"/>
      <c r="ACP42" s="24"/>
      <c r="ACQ42" s="24"/>
      <c r="ACR42" s="24"/>
      <c r="ACS42" s="24"/>
      <c r="ACT42" s="24"/>
      <c r="ACU42" s="24"/>
      <c r="ACV42" s="24"/>
      <c r="ACW42" s="24"/>
      <c r="ACX42" s="24"/>
      <c r="ACY42" s="24"/>
      <c r="ACZ42" s="24"/>
      <c r="ADA42" s="24"/>
      <c r="ADB42" s="24"/>
      <c r="ADC42" s="24"/>
      <c r="ADD42" s="24"/>
      <c r="ADE42" s="24"/>
      <c r="ADF42" s="24"/>
      <c r="ADG42" s="24"/>
      <c r="ADH42" s="24"/>
      <c r="ADI42" s="24"/>
      <c r="ADJ42" s="24"/>
      <c r="ADK42" s="24"/>
      <c r="ADL42" s="24"/>
      <c r="ADM42" s="24"/>
      <c r="ADN42" s="24"/>
      <c r="ADO42" s="24"/>
      <c r="ADP42" s="24"/>
      <c r="ADQ42" s="24"/>
      <c r="ADR42" s="24"/>
      <c r="ADS42" s="24"/>
      <c r="ADT42" s="24"/>
      <c r="ADU42" s="24"/>
      <c r="ADV42" s="24"/>
      <c r="ADW42" s="24"/>
      <c r="ADX42" s="24"/>
      <c r="ADY42" s="24"/>
      <c r="ADZ42" s="24"/>
      <c r="AEA42" s="24"/>
      <c r="AEB42" s="24"/>
      <c r="AEC42" s="24"/>
      <c r="AED42" s="24"/>
      <c r="AEE42" s="24"/>
      <c r="AEF42" s="24"/>
      <c r="AEG42" s="24"/>
      <c r="AEH42" s="24"/>
      <c r="AEI42" s="24"/>
      <c r="AEJ42" s="24"/>
      <c r="AEK42" s="24"/>
      <c r="AEL42" s="24"/>
      <c r="AEM42" s="24"/>
      <c r="AEN42" s="24"/>
      <c r="AEO42" s="24"/>
      <c r="AEP42" s="24"/>
      <c r="AEQ42" s="24"/>
      <c r="AER42" s="24"/>
      <c r="AES42" s="24"/>
      <c r="AET42" s="24"/>
      <c r="AEU42" s="24"/>
      <c r="AEV42" s="24"/>
      <c r="AEW42" s="24"/>
      <c r="AEX42" s="24"/>
      <c r="AEY42" s="24"/>
      <c r="AEZ42" s="24"/>
      <c r="AFA42" s="24"/>
      <c r="AFB42" s="24"/>
      <c r="AFC42" s="24"/>
      <c r="AFD42" s="24"/>
      <c r="AFE42" s="24"/>
      <c r="AFF42" s="24"/>
      <c r="AFG42" s="24"/>
      <c r="AFH42" s="24"/>
      <c r="AFI42" s="24"/>
      <c r="AFJ42" s="24"/>
      <c r="AFK42" s="24"/>
      <c r="AFL42" s="24"/>
      <c r="AFM42" s="24"/>
      <c r="AFN42" s="24"/>
      <c r="AFO42" s="24"/>
      <c r="AFP42" s="24"/>
      <c r="AFQ42" s="24"/>
      <c r="AFR42" s="24"/>
      <c r="AFS42" s="24"/>
      <c r="AFT42" s="24"/>
      <c r="AFU42" s="24"/>
      <c r="AFV42" s="24"/>
      <c r="AFW42" s="24"/>
      <c r="AFX42" s="24"/>
      <c r="AFY42" s="24"/>
      <c r="AFZ42" s="24"/>
      <c r="AGA42" s="24"/>
      <c r="AGB42" s="24"/>
      <c r="AGC42" s="24"/>
      <c r="AGD42" s="24"/>
      <c r="AGE42" s="24"/>
      <c r="AGF42" s="24"/>
      <c r="AGG42" s="24"/>
      <c r="AGH42" s="24"/>
      <c r="AGI42" s="24"/>
      <c r="AGJ42" s="24"/>
      <c r="AGK42" s="24"/>
      <c r="AGL42" s="24"/>
      <c r="AGM42" s="24"/>
      <c r="AGN42" s="24"/>
      <c r="AGO42" s="24"/>
      <c r="AGP42" s="24"/>
      <c r="AGQ42" s="24"/>
      <c r="AGR42" s="24"/>
      <c r="AGS42" s="24"/>
      <c r="AGT42" s="24"/>
      <c r="AGU42" s="24"/>
      <c r="AGV42" s="24"/>
      <c r="AGW42" s="24"/>
      <c r="AGX42" s="24"/>
      <c r="AGY42" s="24"/>
      <c r="AGZ42" s="24"/>
      <c r="AHA42" s="24"/>
      <c r="AHB42" s="24"/>
      <c r="AHC42" s="24"/>
      <c r="AHD42" s="24"/>
      <c r="AHE42" s="24"/>
      <c r="AHF42" s="24"/>
      <c r="AHG42" s="24"/>
      <c r="AHH42" s="24"/>
      <c r="AHI42" s="24"/>
      <c r="AHJ42" s="24"/>
      <c r="AHK42" s="24"/>
      <c r="AHL42" s="24"/>
      <c r="AHM42" s="24"/>
      <c r="AHN42" s="24"/>
      <c r="AHO42" s="24"/>
      <c r="AHP42" s="24"/>
      <c r="AHQ42" s="24"/>
      <c r="AHR42" s="24"/>
      <c r="AHS42" s="24"/>
      <c r="AHT42" s="24"/>
      <c r="AHU42" s="24"/>
      <c r="AHV42" s="24"/>
      <c r="AHW42" s="24"/>
      <c r="AHX42" s="24"/>
      <c r="AHY42" s="24"/>
      <c r="AHZ42" s="24"/>
      <c r="AIA42" s="24"/>
      <c r="AIB42" s="24"/>
      <c r="AIC42" s="24"/>
      <c r="AID42" s="24"/>
      <c r="AIE42" s="24"/>
      <c r="AIF42" s="24"/>
      <c r="AIG42" s="24"/>
      <c r="AIH42" s="24"/>
      <c r="AII42" s="24"/>
      <c r="AIJ42" s="24"/>
      <c r="AIK42" s="24"/>
      <c r="AIL42" s="24"/>
      <c r="AIM42" s="24"/>
      <c r="AIN42" s="24"/>
      <c r="AIO42" s="24"/>
      <c r="AIP42" s="24"/>
      <c r="AIQ42" s="24"/>
      <c r="AIR42" s="24"/>
      <c r="AIS42" s="24"/>
      <c r="AIT42" s="24"/>
      <c r="AIU42" s="24"/>
      <c r="AIV42" s="24"/>
      <c r="AIW42" s="24"/>
      <c r="AIX42" s="24"/>
      <c r="AIY42" s="24"/>
      <c r="AIZ42" s="24"/>
      <c r="AJA42" s="24"/>
      <c r="AJB42" s="24"/>
      <c r="AJC42" s="24"/>
      <c r="AJD42" s="24"/>
      <c r="AJE42" s="24"/>
      <c r="AJF42" s="24"/>
      <c r="AJG42" s="24"/>
      <c r="AJH42" s="24"/>
      <c r="AJI42" s="24"/>
      <c r="AJJ42" s="24"/>
      <c r="AJK42" s="24"/>
      <c r="AJL42" s="24"/>
      <c r="AJM42" s="24"/>
      <c r="AJN42" s="24"/>
      <c r="AJO42" s="24"/>
      <c r="AJP42" s="24"/>
      <c r="AJQ42" s="24"/>
      <c r="AJR42" s="24"/>
      <c r="AJS42" s="24"/>
      <c r="AJT42" s="24"/>
      <c r="AJU42" s="24"/>
      <c r="AJV42" s="24"/>
      <c r="AJW42" s="24"/>
      <c r="AJX42" s="24"/>
      <c r="AJY42" s="24"/>
      <c r="AJZ42" s="24"/>
      <c r="AKA42" s="24"/>
      <c r="AKB42" s="24"/>
      <c r="AKC42" s="24"/>
      <c r="AKD42" s="24"/>
      <c r="AKE42" s="24"/>
      <c r="AKF42" s="24"/>
      <c r="AKG42" s="24"/>
      <c r="AKH42" s="24"/>
      <c r="AKI42" s="24"/>
      <c r="AKJ42" s="24"/>
      <c r="AKK42" s="24"/>
      <c r="AKL42" s="24"/>
      <c r="AKM42" s="24"/>
      <c r="AKN42" s="24"/>
      <c r="AKO42" s="24"/>
      <c r="AKP42" s="24"/>
      <c r="AKQ42" s="24"/>
      <c r="AKR42" s="24"/>
      <c r="AKS42" s="24"/>
      <c r="AKT42" s="24"/>
      <c r="AKU42" s="24"/>
      <c r="AKV42" s="24"/>
      <c r="AKW42" s="24"/>
      <c r="AKX42" s="24"/>
      <c r="AKY42" s="24"/>
      <c r="AKZ42" s="24"/>
      <c r="ALA42" s="24"/>
      <c r="ALB42" s="24"/>
      <c r="ALC42" s="24"/>
      <c r="ALD42" s="24"/>
      <c r="ALE42" s="24"/>
      <c r="ALF42" s="24"/>
      <c r="ALG42" s="24"/>
      <c r="ALH42" s="24"/>
      <c r="ALI42" s="24"/>
      <c r="ALJ42" s="24"/>
      <c r="ALK42" s="24"/>
      <c r="ALL42" s="24"/>
      <c r="ALM42" s="24"/>
      <c r="ALN42" s="24"/>
      <c r="ALO42" s="24"/>
      <c r="ALP42" s="24"/>
      <c r="ALQ42" s="24"/>
      <c r="ALR42" s="24"/>
      <c r="ALS42" s="24"/>
      <c r="ALT42" s="24"/>
      <c r="ALU42" s="24"/>
      <c r="ALV42" s="24"/>
      <c r="ALW42" s="24"/>
      <c r="ALX42" s="24"/>
      <c r="ALY42" s="24"/>
      <c r="ALZ42" s="24"/>
      <c r="AMA42" s="24"/>
      <c r="AMB42" s="24"/>
      <c r="AMC42" s="24"/>
    </row>
    <row r="43" spans="1:1017" ht="28.5" x14ac:dyDescent="0.25">
      <c r="A43" s="34">
        <v>33</v>
      </c>
      <c r="B43" s="14">
        <v>1</v>
      </c>
      <c r="C43" s="20" t="s">
        <v>101</v>
      </c>
      <c r="D43" s="20"/>
      <c r="E43" s="20"/>
      <c r="F43" s="14" t="s">
        <v>102</v>
      </c>
      <c r="G43" s="63">
        <v>15</v>
      </c>
      <c r="H43" s="59" t="s">
        <v>148</v>
      </c>
      <c r="I43" s="59" t="s">
        <v>148</v>
      </c>
      <c r="J43" s="16"/>
      <c r="K43" s="70">
        <f t="shared" si="0"/>
        <v>0</v>
      </c>
      <c r="L43" s="72">
        <v>0.08</v>
      </c>
      <c r="M43" s="71">
        <f t="shared" si="1"/>
        <v>0</v>
      </c>
      <c r="N43" s="17">
        <f t="shared" si="2"/>
        <v>0</v>
      </c>
      <c r="O43" s="69">
        <f t="shared" si="3"/>
        <v>0</v>
      </c>
      <c r="P43" s="18" t="s">
        <v>82</v>
      </c>
      <c r="Q43" s="19"/>
    </row>
    <row r="44" spans="1:1017" ht="20.25" customHeight="1" x14ac:dyDescent="0.25">
      <c r="A44" s="34">
        <v>34</v>
      </c>
      <c r="B44" s="14">
        <v>1</v>
      </c>
      <c r="C44" s="25" t="s">
        <v>104</v>
      </c>
      <c r="D44" s="25"/>
      <c r="E44" s="25"/>
      <c r="F44" s="26" t="s">
        <v>103</v>
      </c>
      <c r="G44" s="64">
        <v>1</v>
      </c>
      <c r="H44" s="59" t="s">
        <v>148</v>
      </c>
      <c r="I44" s="59" t="s">
        <v>148</v>
      </c>
      <c r="J44" s="16"/>
      <c r="K44" s="70">
        <f t="shared" si="0"/>
        <v>0</v>
      </c>
      <c r="L44" s="72">
        <v>0.08</v>
      </c>
      <c r="M44" s="71">
        <f t="shared" si="1"/>
        <v>0</v>
      </c>
      <c r="N44" s="17">
        <f t="shared" si="2"/>
        <v>0</v>
      </c>
      <c r="O44" s="69">
        <f t="shared" si="3"/>
        <v>0</v>
      </c>
      <c r="P44" s="18" t="s">
        <v>83</v>
      </c>
      <c r="Q44" s="19"/>
      <c r="R44" s="24"/>
      <c r="S44" s="24"/>
      <c r="T44" s="24"/>
      <c r="U44" s="24"/>
      <c r="V44" s="24"/>
      <c r="W44" s="24"/>
      <c r="X44" s="24"/>
      <c r="Y44" s="24"/>
      <c r="Z44" s="24"/>
      <c r="AA44" s="24"/>
      <c r="AB44" s="24"/>
      <c r="AC44" s="24"/>
      <c r="AD44" s="24"/>
      <c r="AE44" s="24"/>
      <c r="AF44" s="24"/>
      <c r="AG44" s="24"/>
      <c r="AH44" s="24"/>
      <c r="AI44" s="24"/>
      <c r="AJ44" s="24"/>
      <c r="AK44" s="24"/>
      <c r="AL44" s="24"/>
      <c r="AM44" s="24"/>
      <c r="AN44" s="24"/>
      <c r="AO44" s="24"/>
      <c r="AP44" s="24"/>
      <c r="AQ44" s="24"/>
      <c r="AR44" s="24"/>
      <c r="AS44" s="24"/>
      <c r="AT44" s="24"/>
      <c r="AU44" s="24"/>
      <c r="AV44" s="24"/>
      <c r="AW44" s="24"/>
      <c r="AX44" s="24"/>
      <c r="AY44" s="24"/>
      <c r="AZ44" s="24"/>
      <c r="BA44" s="24"/>
      <c r="BB44" s="24"/>
      <c r="BC44" s="24"/>
      <c r="BD44" s="24"/>
      <c r="BE44" s="24"/>
      <c r="BF44" s="24"/>
      <c r="BG44" s="24"/>
      <c r="BH44" s="24"/>
      <c r="BI44" s="24"/>
      <c r="BJ44" s="24"/>
      <c r="BK44" s="24"/>
      <c r="BL44" s="24"/>
      <c r="BM44" s="24"/>
      <c r="BN44" s="24"/>
      <c r="BO44" s="24"/>
      <c r="BP44" s="24"/>
      <c r="BQ44" s="24"/>
      <c r="BR44" s="24"/>
      <c r="BS44" s="24"/>
      <c r="BT44" s="24"/>
      <c r="BU44" s="24"/>
      <c r="BV44" s="24"/>
      <c r="BW44" s="24"/>
      <c r="BX44" s="24"/>
      <c r="BY44" s="24"/>
      <c r="BZ44" s="24"/>
      <c r="CA44" s="24"/>
      <c r="CB44" s="24"/>
      <c r="CC44" s="24"/>
      <c r="CD44" s="24"/>
      <c r="CE44" s="24"/>
      <c r="CF44" s="24"/>
      <c r="CG44" s="24"/>
      <c r="CH44" s="24"/>
      <c r="CI44" s="24"/>
      <c r="CJ44" s="24"/>
      <c r="CK44" s="24"/>
      <c r="CL44" s="24"/>
      <c r="CM44" s="24"/>
      <c r="CN44" s="24"/>
      <c r="CO44" s="24"/>
      <c r="CP44" s="24"/>
      <c r="CQ44" s="24"/>
      <c r="CR44" s="24"/>
      <c r="CS44" s="24"/>
      <c r="CT44" s="24"/>
      <c r="CU44" s="24"/>
      <c r="CV44" s="24"/>
      <c r="CW44" s="24"/>
      <c r="CX44" s="24"/>
      <c r="CY44" s="24"/>
      <c r="CZ44" s="24"/>
      <c r="DA44" s="24"/>
      <c r="DB44" s="24"/>
      <c r="DC44" s="24"/>
      <c r="DD44" s="24"/>
      <c r="DE44" s="24"/>
      <c r="DF44" s="24"/>
      <c r="DG44" s="24"/>
      <c r="DH44" s="24"/>
      <c r="DI44" s="24"/>
      <c r="DJ44" s="24"/>
      <c r="DK44" s="24"/>
      <c r="DL44" s="24"/>
      <c r="DM44" s="24"/>
      <c r="DN44" s="24"/>
      <c r="DO44" s="24"/>
      <c r="DP44" s="24"/>
      <c r="DQ44" s="24"/>
      <c r="DR44" s="24"/>
      <c r="DS44" s="24"/>
      <c r="DT44" s="24"/>
      <c r="DU44" s="24"/>
      <c r="DV44" s="24"/>
      <c r="DW44" s="24"/>
      <c r="DX44" s="24"/>
      <c r="DY44" s="24"/>
      <c r="DZ44" s="24"/>
      <c r="EA44" s="24"/>
      <c r="EB44" s="24"/>
      <c r="EC44" s="24"/>
      <c r="ED44" s="24"/>
      <c r="EE44" s="24"/>
      <c r="EF44" s="24"/>
      <c r="EG44" s="24"/>
      <c r="EH44" s="24"/>
      <c r="EI44" s="24"/>
      <c r="EJ44" s="24"/>
      <c r="EK44" s="24"/>
      <c r="EL44" s="24"/>
      <c r="EM44" s="24"/>
      <c r="EN44" s="24"/>
      <c r="EO44" s="24"/>
      <c r="EP44" s="24"/>
      <c r="EQ44" s="24"/>
      <c r="ER44" s="24"/>
      <c r="ES44" s="24"/>
      <c r="ET44" s="24"/>
      <c r="EU44" s="24"/>
      <c r="EV44" s="24"/>
      <c r="EW44" s="24"/>
      <c r="EX44" s="24"/>
      <c r="EY44" s="24"/>
      <c r="EZ44" s="24"/>
      <c r="FA44" s="24"/>
      <c r="FB44" s="24"/>
      <c r="FC44" s="24"/>
      <c r="FD44" s="24"/>
      <c r="FE44" s="24"/>
      <c r="FF44" s="24"/>
      <c r="FG44" s="24"/>
      <c r="FH44" s="24"/>
      <c r="FI44" s="24"/>
      <c r="FJ44" s="24"/>
      <c r="FK44" s="24"/>
      <c r="FL44" s="24"/>
      <c r="FM44" s="24"/>
      <c r="FN44" s="24"/>
      <c r="FO44" s="24"/>
      <c r="FP44" s="24"/>
      <c r="FQ44" s="24"/>
      <c r="FR44" s="24"/>
      <c r="FS44" s="24"/>
      <c r="FT44" s="24"/>
      <c r="FU44" s="24"/>
      <c r="FV44" s="24"/>
      <c r="FW44" s="24"/>
      <c r="FX44" s="24"/>
      <c r="FY44" s="24"/>
      <c r="FZ44" s="24"/>
      <c r="GA44" s="24"/>
      <c r="GB44" s="24"/>
      <c r="GC44" s="24"/>
      <c r="GD44" s="24"/>
      <c r="GE44" s="24"/>
      <c r="GF44" s="24"/>
      <c r="GG44" s="24"/>
      <c r="GH44" s="24"/>
      <c r="GI44" s="24"/>
      <c r="GJ44" s="24"/>
      <c r="GK44" s="24"/>
      <c r="GL44" s="24"/>
      <c r="GM44" s="24"/>
      <c r="GN44" s="24"/>
      <c r="GO44" s="24"/>
      <c r="GP44" s="24"/>
      <c r="GQ44" s="24"/>
      <c r="GR44" s="24"/>
      <c r="GS44" s="24"/>
      <c r="GT44" s="24"/>
      <c r="GU44" s="24"/>
      <c r="GV44" s="24"/>
      <c r="GW44" s="24"/>
      <c r="GX44" s="24"/>
      <c r="GY44" s="24"/>
      <c r="GZ44" s="24"/>
      <c r="HA44" s="24"/>
      <c r="HB44" s="24"/>
      <c r="HC44" s="24"/>
      <c r="HD44" s="24"/>
      <c r="HE44" s="24"/>
      <c r="HF44" s="24"/>
      <c r="HG44" s="24"/>
      <c r="HH44" s="24"/>
      <c r="HI44" s="24"/>
      <c r="HJ44" s="24"/>
      <c r="HK44" s="24"/>
      <c r="HL44" s="24"/>
      <c r="HM44" s="24"/>
      <c r="HN44" s="24"/>
      <c r="HO44" s="24"/>
      <c r="HP44" s="24"/>
      <c r="HQ44" s="24"/>
      <c r="HR44" s="24"/>
      <c r="HS44" s="24"/>
      <c r="HT44" s="24"/>
      <c r="HU44" s="24"/>
      <c r="HV44" s="24"/>
      <c r="HW44" s="24"/>
      <c r="HX44" s="24"/>
      <c r="HY44" s="24"/>
      <c r="HZ44" s="24"/>
      <c r="IA44" s="24"/>
      <c r="IB44" s="24"/>
      <c r="IC44" s="24"/>
      <c r="ID44" s="24"/>
      <c r="IE44" s="24"/>
      <c r="IF44" s="24"/>
      <c r="IG44" s="24"/>
      <c r="IH44" s="24"/>
      <c r="II44" s="24"/>
      <c r="IJ44" s="24"/>
      <c r="IK44" s="24"/>
      <c r="IL44" s="24"/>
      <c r="IM44" s="24"/>
      <c r="IN44" s="24"/>
      <c r="IO44" s="24"/>
      <c r="IP44" s="24"/>
      <c r="IQ44" s="24"/>
      <c r="IR44" s="24"/>
      <c r="IS44" s="24"/>
      <c r="IT44" s="24"/>
      <c r="IU44" s="24"/>
      <c r="IV44" s="24"/>
      <c r="IW44" s="24"/>
      <c r="IX44" s="24"/>
      <c r="IY44" s="24"/>
      <c r="IZ44" s="24"/>
      <c r="JA44" s="24"/>
      <c r="JB44" s="24"/>
      <c r="JC44" s="24"/>
      <c r="JD44" s="24"/>
      <c r="JE44" s="24"/>
      <c r="JF44" s="24"/>
      <c r="JG44" s="24"/>
      <c r="JH44" s="24"/>
      <c r="JI44" s="24"/>
      <c r="JJ44" s="24"/>
      <c r="JK44" s="24"/>
      <c r="JL44" s="24"/>
      <c r="JM44" s="24"/>
      <c r="JN44" s="24"/>
      <c r="JO44" s="24"/>
      <c r="JP44" s="24"/>
      <c r="JQ44" s="24"/>
      <c r="JR44" s="24"/>
      <c r="JS44" s="24"/>
      <c r="JT44" s="24"/>
      <c r="JU44" s="24"/>
      <c r="JV44" s="24"/>
      <c r="JW44" s="24"/>
      <c r="JX44" s="24"/>
      <c r="JY44" s="24"/>
      <c r="JZ44" s="24"/>
      <c r="KA44" s="24"/>
      <c r="KB44" s="24"/>
      <c r="KC44" s="24"/>
      <c r="KD44" s="24"/>
      <c r="KE44" s="24"/>
      <c r="KF44" s="24"/>
      <c r="KG44" s="24"/>
      <c r="KH44" s="24"/>
      <c r="KI44" s="24"/>
      <c r="KJ44" s="24"/>
      <c r="KK44" s="24"/>
      <c r="KL44" s="24"/>
      <c r="KM44" s="24"/>
      <c r="KN44" s="24"/>
      <c r="KO44" s="24"/>
      <c r="KP44" s="24"/>
      <c r="KQ44" s="24"/>
      <c r="KR44" s="24"/>
      <c r="KS44" s="24"/>
      <c r="KT44" s="24"/>
      <c r="KU44" s="24"/>
      <c r="KV44" s="24"/>
      <c r="KW44" s="24"/>
      <c r="KX44" s="24"/>
      <c r="KY44" s="24"/>
      <c r="KZ44" s="24"/>
      <c r="LA44" s="24"/>
      <c r="LB44" s="24"/>
      <c r="LC44" s="24"/>
      <c r="LD44" s="24"/>
      <c r="LE44" s="24"/>
      <c r="LF44" s="24"/>
      <c r="LG44" s="24"/>
      <c r="LH44" s="24"/>
      <c r="LI44" s="24"/>
      <c r="LJ44" s="24"/>
      <c r="LK44" s="24"/>
      <c r="LL44" s="24"/>
      <c r="LM44" s="24"/>
      <c r="LN44" s="24"/>
      <c r="LO44" s="24"/>
      <c r="LP44" s="24"/>
      <c r="LQ44" s="24"/>
      <c r="LR44" s="24"/>
      <c r="LS44" s="24"/>
      <c r="LT44" s="24"/>
      <c r="LU44" s="24"/>
      <c r="LV44" s="24"/>
      <c r="LW44" s="24"/>
      <c r="LX44" s="24"/>
      <c r="LY44" s="24"/>
      <c r="LZ44" s="24"/>
      <c r="MA44" s="24"/>
      <c r="MB44" s="24"/>
      <c r="MC44" s="24"/>
      <c r="MD44" s="24"/>
      <c r="ME44" s="24"/>
      <c r="MF44" s="24"/>
      <c r="MG44" s="24"/>
      <c r="MH44" s="24"/>
      <c r="MI44" s="24"/>
      <c r="MJ44" s="24"/>
      <c r="MK44" s="24"/>
      <c r="ML44" s="24"/>
      <c r="MM44" s="24"/>
      <c r="MN44" s="24"/>
      <c r="MO44" s="24"/>
      <c r="MP44" s="24"/>
      <c r="MQ44" s="24"/>
      <c r="MR44" s="24"/>
      <c r="MS44" s="24"/>
      <c r="MT44" s="24"/>
      <c r="MU44" s="24"/>
      <c r="MV44" s="24"/>
      <c r="MW44" s="24"/>
      <c r="MX44" s="24"/>
      <c r="MY44" s="24"/>
      <c r="MZ44" s="24"/>
      <c r="NA44" s="24"/>
      <c r="NB44" s="24"/>
      <c r="NC44" s="24"/>
      <c r="ND44" s="24"/>
      <c r="NE44" s="24"/>
      <c r="NF44" s="24"/>
      <c r="NG44" s="24"/>
      <c r="NH44" s="24"/>
      <c r="NI44" s="24"/>
      <c r="NJ44" s="24"/>
      <c r="NK44" s="24"/>
      <c r="NL44" s="24"/>
      <c r="NM44" s="24"/>
      <c r="NN44" s="24"/>
      <c r="NO44" s="24"/>
      <c r="NP44" s="24"/>
      <c r="NQ44" s="24"/>
      <c r="NR44" s="24"/>
      <c r="NS44" s="24"/>
      <c r="NT44" s="24"/>
      <c r="NU44" s="24"/>
      <c r="NV44" s="24"/>
      <c r="NW44" s="24"/>
      <c r="NX44" s="24"/>
      <c r="NY44" s="24"/>
      <c r="NZ44" s="24"/>
      <c r="OA44" s="24"/>
      <c r="OB44" s="24"/>
      <c r="OC44" s="24"/>
      <c r="OD44" s="24"/>
      <c r="OE44" s="24"/>
      <c r="OF44" s="24"/>
      <c r="OG44" s="24"/>
      <c r="OH44" s="24"/>
      <c r="OI44" s="24"/>
      <c r="OJ44" s="24"/>
      <c r="OK44" s="24"/>
      <c r="OL44" s="24"/>
      <c r="OM44" s="24"/>
      <c r="ON44" s="24"/>
      <c r="OO44" s="24"/>
      <c r="OP44" s="24"/>
      <c r="OQ44" s="24"/>
      <c r="OR44" s="24"/>
      <c r="OS44" s="24"/>
      <c r="OT44" s="24"/>
      <c r="OU44" s="24"/>
      <c r="OV44" s="24"/>
      <c r="OW44" s="24"/>
      <c r="OX44" s="24"/>
      <c r="OY44" s="24"/>
      <c r="OZ44" s="24"/>
      <c r="PA44" s="24"/>
      <c r="PB44" s="24"/>
      <c r="PC44" s="24"/>
      <c r="PD44" s="24"/>
      <c r="PE44" s="24"/>
      <c r="PF44" s="24"/>
      <c r="PG44" s="24"/>
      <c r="PH44" s="24"/>
      <c r="PI44" s="24"/>
      <c r="PJ44" s="24"/>
      <c r="PK44" s="24"/>
      <c r="PL44" s="24"/>
      <c r="PM44" s="24"/>
      <c r="PN44" s="24"/>
      <c r="PO44" s="24"/>
      <c r="PP44" s="24"/>
      <c r="PQ44" s="24"/>
      <c r="PR44" s="24"/>
      <c r="PS44" s="24"/>
      <c r="PT44" s="24"/>
      <c r="PU44" s="24"/>
      <c r="PV44" s="24"/>
      <c r="PW44" s="24"/>
      <c r="PX44" s="24"/>
      <c r="PY44" s="24"/>
      <c r="PZ44" s="24"/>
      <c r="QA44" s="24"/>
      <c r="QB44" s="24"/>
      <c r="QC44" s="24"/>
      <c r="QD44" s="24"/>
      <c r="QE44" s="24"/>
      <c r="QF44" s="24"/>
      <c r="QG44" s="24"/>
      <c r="QH44" s="24"/>
      <c r="QI44" s="24"/>
      <c r="QJ44" s="24"/>
      <c r="QK44" s="24"/>
      <c r="QL44" s="24"/>
      <c r="QM44" s="24"/>
      <c r="QN44" s="24"/>
      <c r="QO44" s="24"/>
      <c r="QP44" s="24"/>
      <c r="QQ44" s="24"/>
      <c r="QR44" s="24"/>
      <c r="QS44" s="24"/>
      <c r="QT44" s="24"/>
      <c r="QU44" s="24"/>
      <c r="QV44" s="24"/>
      <c r="QW44" s="24"/>
      <c r="QX44" s="24"/>
      <c r="QY44" s="24"/>
      <c r="QZ44" s="24"/>
      <c r="RA44" s="24"/>
      <c r="RB44" s="24"/>
      <c r="RC44" s="24"/>
      <c r="RD44" s="24"/>
      <c r="RE44" s="24"/>
      <c r="RF44" s="24"/>
      <c r="RG44" s="24"/>
      <c r="RH44" s="24"/>
      <c r="RI44" s="24"/>
      <c r="RJ44" s="24"/>
      <c r="RK44" s="24"/>
      <c r="RL44" s="24"/>
      <c r="RM44" s="24"/>
      <c r="RN44" s="24"/>
      <c r="RO44" s="24"/>
      <c r="RP44" s="24"/>
      <c r="RQ44" s="24"/>
      <c r="RR44" s="24"/>
      <c r="RS44" s="24"/>
      <c r="RT44" s="24"/>
      <c r="RU44" s="24"/>
      <c r="RV44" s="24"/>
      <c r="RW44" s="24"/>
      <c r="RX44" s="24"/>
      <c r="RY44" s="24"/>
      <c r="RZ44" s="24"/>
      <c r="SA44" s="24"/>
      <c r="SB44" s="24"/>
      <c r="SC44" s="24"/>
      <c r="SD44" s="24"/>
      <c r="SE44" s="24"/>
      <c r="SF44" s="24"/>
      <c r="SG44" s="24"/>
      <c r="SH44" s="24"/>
      <c r="SI44" s="24"/>
      <c r="SJ44" s="24"/>
      <c r="SK44" s="24"/>
      <c r="SL44" s="24"/>
      <c r="SM44" s="24"/>
      <c r="SN44" s="24"/>
      <c r="SO44" s="24"/>
      <c r="SP44" s="24"/>
      <c r="SQ44" s="24"/>
      <c r="SR44" s="24"/>
      <c r="SS44" s="24"/>
      <c r="ST44" s="24"/>
      <c r="SU44" s="24"/>
      <c r="SV44" s="24"/>
      <c r="SW44" s="24"/>
      <c r="SX44" s="24"/>
      <c r="SY44" s="24"/>
      <c r="SZ44" s="24"/>
      <c r="TA44" s="24"/>
      <c r="TB44" s="24"/>
      <c r="TC44" s="24"/>
      <c r="TD44" s="24"/>
      <c r="TE44" s="24"/>
      <c r="TF44" s="24"/>
      <c r="TG44" s="24"/>
      <c r="TH44" s="24"/>
      <c r="TI44" s="24"/>
      <c r="TJ44" s="24"/>
      <c r="TK44" s="24"/>
      <c r="TL44" s="24"/>
      <c r="TM44" s="24"/>
      <c r="TN44" s="24"/>
      <c r="TO44" s="24"/>
      <c r="TP44" s="24"/>
      <c r="TQ44" s="24"/>
      <c r="TR44" s="24"/>
      <c r="TS44" s="24"/>
      <c r="TT44" s="24"/>
      <c r="TU44" s="24"/>
      <c r="TV44" s="24"/>
      <c r="TW44" s="24"/>
      <c r="TX44" s="24"/>
      <c r="TY44" s="24"/>
      <c r="TZ44" s="24"/>
      <c r="UA44" s="24"/>
      <c r="UB44" s="24"/>
      <c r="UC44" s="24"/>
      <c r="UD44" s="24"/>
      <c r="UE44" s="24"/>
      <c r="UF44" s="24"/>
      <c r="UG44" s="24"/>
      <c r="UH44" s="24"/>
      <c r="UI44" s="24"/>
      <c r="UJ44" s="24"/>
      <c r="UK44" s="24"/>
      <c r="UL44" s="24"/>
      <c r="UM44" s="24"/>
      <c r="UN44" s="24"/>
      <c r="UO44" s="24"/>
      <c r="UP44" s="24"/>
      <c r="UQ44" s="24"/>
      <c r="UR44" s="24"/>
      <c r="US44" s="24"/>
      <c r="UT44" s="24"/>
      <c r="UU44" s="24"/>
      <c r="UV44" s="24"/>
      <c r="UW44" s="24"/>
      <c r="UX44" s="24"/>
      <c r="UY44" s="24"/>
      <c r="UZ44" s="24"/>
      <c r="VA44" s="24"/>
      <c r="VB44" s="24"/>
      <c r="VC44" s="24"/>
      <c r="VD44" s="24"/>
      <c r="VE44" s="24"/>
      <c r="VF44" s="24"/>
      <c r="VG44" s="24"/>
      <c r="VH44" s="24"/>
      <c r="VI44" s="24"/>
      <c r="VJ44" s="24"/>
      <c r="VK44" s="24"/>
      <c r="VL44" s="24"/>
      <c r="VM44" s="24"/>
      <c r="VN44" s="24"/>
      <c r="VO44" s="24"/>
      <c r="VP44" s="24"/>
      <c r="VQ44" s="24"/>
      <c r="VR44" s="24"/>
      <c r="VS44" s="24"/>
      <c r="VT44" s="24"/>
      <c r="VU44" s="24"/>
      <c r="VV44" s="24"/>
      <c r="VW44" s="24"/>
      <c r="VX44" s="24"/>
      <c r="VY44" s="24"/>
      <c r="VZ44" s="24"/>
      <c r="WA44" s="24"/>
      <c r="WB44" s="24"/>
      <c r="WC44" s="24"/>
      <c r="WD44" s="24"/>
      <c r="WE44" s="24"/>
      <c r="WF44" s="24"/>
      <c r="WG44" s="24"/>
      <c r="WH44" s="24"/>
      <c r="WI44" s="24"/>
      <c r="WJ44" s="24"/>
      <c r="WK44" s="24"/>
      <c r="WL44" s="24"/>
      <c r="WM44" s="24"/>
      <c r="WN44" s="24"/>
      <c r="WO44" s="24"/>
      <c r="WP44" s="24"/>
      <c r="WQ44" s="24"/>
      <c r="WR44" s="24"/>
      <c r="WS44" s="24"/>
      <c r="WT44" s="24"/>
      <c r="WU44" s="24"/>
      <c r="WV44" s="24"/>
      <c r="WW44" s="24"/>
      <c r="WX44" s="24"/>
      <c r="WY44" s="24"/>
      <c r="WZ44" s="24"/>
      <c r="XA44" s="24"/>
      <c r="XB44" s="24"/>
      <c r="XC44" s="24"/>
      <c r="XD44" s="24"/>
      <c r="XE44" s="24"/>
      <c r="XF44" s="24"/>
      <c r="XG44" s="24"/>
      <c r="XH44" s="24"/>
      <c r="XI44" s="24"/>
      <c r="XJ44" s="24"/>
      <c r="XK44" s="24"/>
      <c r="XL44" s="24"/>
      <c r="XM44" s="24"/>
      <c r="XN44" s="24"/>
      <c r="XO44" s="24"/>
      <c r="XP44" s="24"/>
      <c r="XQ44" s="24"/>
      <c r="XR44" s="24"/>
      <c r="XS44" s="24"/>
      <c r="XT44" s="24"/>
      <c r="XU44" s="24"/>
      <c r="XV44" s="24"/>
      <c r="XW44" s="24"/>
      <c r="XX44" s="24"/>
      <c r="XY44" s="24"/>
      <c r="XZ44" s="24"/>
      <c r="YA44" s="24"/>
      <c r="YB44" s="24"/>
      <c r="YC44" s="24"/>
      <c r="YD44" s="24"/>
      <c r="YE44" s="24"/>
      <c r="YF44" s="24"/>
      <c r="YG44" s="24"/>
      <c r="YH44" s="24"/>
      <c r="YI44" s="24"/>
      <c r="YJ44" s="24"/>
      <c r="YK44" s="24"/>
      <c r="YL44" s="24"/>
      <c r="YM44" s="24"/>
      <c r="YN44" s="24"/>
      <c r="YO44" s="24"/>
      <c r="YP44" s="24"/>
      <c r="YQ44" s="24"/>
      <c r="YR44" s="24"/>
      <c r="YS44" s="24"/>
      <c r="YT44" s="24"/>
      <c r="YU44" s="24"/>
      <c r="YV44" s="24"/>
      <c r="YW44" s="24"/>
      <c r="YX44" s="24"/>
      <c r="YY44" s="24"/>
      <c r="YZ44" s="24"/>
      <c r="ZA44" s="24"/>
      <c r="ZB44" s="24"/>
      <c r="ZC44" s="24"/>
      <c r="ZD44" s="24"/>
      <c r="ZE44" s="24"/>
      <c r="ZF44" s="24"/>
      <c r="ZG44" s="24"/>
      <c r="ZH44" s="24"/>
      <c r="ZI44" s="24"/>
      <c r="ZJ44" s="24"/>
      <c r="ZK44" s="24"/>
      <c r="ZL44" s="24"/>
      <c r="ZM44" s="24"/>
      <c r="ZN44" s="24"/>
      <c r="ZO44" s="24"/>
      <c r="ZP44" s="24"/>
      <c r="ZQ44" s="24"/>
      <c r="ZR44" s="24"/>
      <c r="ZS44" s="24"/>
      <c r="ZT44" s="24"/>
      <c r="ZU44" s="24"/>
      <c r="ZV44" s="24"/>
      <c r="ZW44" s="24"/>
      <c r="ZX44" s="24"/>
      <c r="ZY44" s="24"/>
      <c r="ZZ44" s="24"/>
      <c r="AAA44" s="24"/>
      <c r="AAB44" s="24"/>
      <c r="AAC44" s="24"/>
      <c r="AAD44" s="24"/>
      <c r="AAE44" s="24"/>
      <c r="AAF44" s="24"/>
      <c r="AAG44" s="24"/>
      <c r="AAH44" s="24"/>
      <c r="AAI44" s="24"/>
      <c r="AAJ44" s="24"/>
      <c r="AAK44" s="24"/>
      <c r="AAL44" s="24"/>
      <c r="AAM44" s="24"/>
      <c r="AAN44" s="24"/>
      <c r="AAO44" s="24"/>
      <c r="AAP44" s="24"/>
      <c r="AAQ44" s="24"/>
      <c r="AAR44" s="24"/>
      <c r="AAS44" s="24"/>
      <c r="AAT44" s="24"/>
      <c r="AAU44" s="24"/>
      <c r="AAV44" s="24"/>
      <c r="AAW44" s="24"/>
      <c r="AAX44" s="24"/>
      <c r="AAY44" s="24"/>
      <c r="AAZ44" s="24"/>
      <c r="ABA44" s="24"/>
      <c r="ABB44" s="24"/>
      <c r="ABC44" s="24"/>
      <c r="ABD44" s="24"/>
      <c r="ABE44" s="24"/>
      <c r="ABF44" s="24"/>
      <c r="ABG44" s="24"/>
      <c r="ABH44" s="24"/>
      <c r="ABI44" s="24"/>
      <c r="ABJ44" s="24"/>
      <c r="ABK44" s="24"/>
      <c r="ABL44" s="24"/>
      <c r="ABM44" s="24"/>
      <c r="ABN44" s="24"/>
      <c r="ABO44" s="24"/>
      <c r="ABP44" s="24"/>
      <c r="ABQ44" s="24"/>
      <c r="ABR44" s="24"/>
      <c r="ABS44" s="24"/>
      <c r="ABT44" s="24"/>
      <c r="ABU44" s="24"/>
      <c r="ABV44" s="24"/>
      <c r="ABW44" s="24"/>
      <c r="ABX44" s="24"/>
      <c r="ABY44" s="24"/>
      <c r="ABZ44" s="24"/>
      <c r="ACA44" s="24"/>
      <c r="ACB44" s="24"/>
      <c r="ACC44" s="24"/>
      <c r="ACD44" s="24"/>
      <c r="ACE44" s="24"/>
      <c r="ACF44" s="24"/>
      <c r="ACG44" s="24"/>
      <c r="ACH44" s="24"/>
      <c r="ACI44" s="24"/>
      <c r="ACJ44" s="24"/>
      <c r="ACK44" s="24"/>
      <c r="ACL44" s="24"/>
      <c r="ACM44" s="24"/>
      <c r="ACN44" s="24"/>
      <c r="ACO44" s="24"/>
      <c r="ACP44" s="24"/>
      <c r="ACQ44" s="24"/>
      <c r="ACR44" s="24"/>
      <c r="ACS44" s="24"/>
      <c r="ACT44" s="24"/>
      <c r="ACU44" s="24"/>
      <c r="ACV44" s="24"/>
      <c r="ACW44" s="24"/>
      <c r="ACX44" s="24"/>
      <c r="ACY44" s="24"/>
      <c r="ACZ44" s="24"/>
      <c r="ADA44" s="24"/>
      <c r="ADB44" s="24"/>
      <c r="ADC44" s="24"/>
      <c r="ADD44" s="24"/>
      <c r="ADE44" s="24"/>
      <c r="ADF44" s="24"/>
      <c r="ADG44" s="24"/>
      <c r="ADH44" s="24"/>
      <c r="ADI44" s="24"/>
      <c r="ADJ44" s="24"/>
      <c r="ADK44" s="24"/>
      <c r="ADL44" s="24"/>
      <c r="ADM44" s="24"/>
      <c r="ADN44" s="24"/>
      <c r="ADO44" s="24"/>
      <c r="ADP44" s="24"/>
      <c r="ADQ44" s="24"/>
      <c r="ADR44" s="24"/>
      <c r="ADS44" s="24"/>
      <c r="ADT44" s="24"/>
      <c r="ADU44" s="24"/>
      <c r="ADV44" s="24"/>
      <c r="ADW44" s="24"/>
      <c r="ADX44" s="24"/>
      <c r="ADY44" s="24"/>
      <c r="ADZ44" s="24"/>
      <c r="AEA44" s="24"/>
      <c r="AEB44" s="24"/>
      <c r="AEC44" s="24"/>
      <c r="AED44" s="24"/>
      <c r="AEE44" s="24"/>
      <c r="AEF44" s="24"/>
      <c r="AEG44" s="24"/>
      <c r="AEH44" s="24"/>
      <c r="AEI44" s="24"/>
      <c r="AEJ44" s="24"/>
      <c r="AEK44" s="24"/>
      <c r="AEL44" s="24"/>
      <c r="AEM44" s="24"/>
      <c r="AEN44" s="24"/>
      <c r="AEO44" s="24"/>
      <c r="AEP44" s="24"/>
      <c r="AEQ44" s="24"/>
      <c r="AER44" s="24"/>
      <c r="AES44" s="24"/>
      <c r="AET44" s="24"/>
      <c r="AEU44" s="24"/>
      <c r="AEV44" s="24"/>
      <c r="AEW44" s="24"/>
      <c r="AEX44" s="24"/>
      <c r="AEY44" s="24"/>
      <c r="AEZ44" s="24"/>
      <c r="AFA44" s="24"/>
      <c r="AFB44" s="24"/>
      <c r="AFC44" s="24"/>
      <c r="AFD44" s="24"/>
      <c r="AFE44" s="24"/>
      <c r="AFF44" s="24"/>
      <c r="AFG44" s="24"/>
      <c r="AFH44" s="24"/>
      <c r="AFI44" s="24"/>
      <c r="AFJ44" s="24"/>
      <c r="AFK44" s="24"/>
      <c r="AFL44" s="24"/>
      <c r="AFM44" s="24"/>
      <c r="AFN44" s="24"/>
      <c r="AFO44" s="24"/>
      <c r="AFP44" s="24"/>
      <c r="AFQ44" s="24"/>
      <c r="AFR44" s="24"/>
      <c r="AFS44" s="24"/>
      <c r="AFT44" s="24"/>
      <c r="AFU44" s="24"/>
      <c r="AFV44" s="24"/>
      <c r="AFW44" s="24"/>
      <c r="AFX44" s="24"/>
      <c r="AFY44" s="24"/>
      <c r="AFZ44" s="24"/>
      <c r="AGA44" s="24"/>
      <c r="AGB44" s="24"/>
      <c r="AGC44" s="24"/>
      <c r="AGD44" s="24"/>
      <c r="AGE44" s="24"/>
      <c r="AGF44" s="24"/>
      <c r="AGG44" s="24"/>
      <c r="AGH44" s="24"/>
      <c r="AGI44" s="24"/>
      <c r="AGJ44" s="24"/>
      <c r="AGK44" s="24"/>
      <c r="AGL44" s="24"/>
      <c r="AGM44" s="24"/>
      <c r="AGN44" s="24"/>
      <c r="AGO44" s="24"/>
      <c r="AGP44" s="24"/>
      <c r="AGQ44" s="24"/>
      <c r="AGR44" s="24"/>
      <c r="AGS44" s="24"/>
      <c r="AGT44" s="24"/>
      <c r="AGU44" s="24"/>
      <c r="AGV44" s="24"/>
      <c r="AGW44" s="24"/>
      <c r="AGX44" s="24"/>
      <c r="AGY44" s="24"/>
      <c r="AGZ44" s="24"/>
      <c r="AHA44" s="24"/>
      <c r="AHB44" s="24"/>
      <c r="AHC44" s="24"/>
      <c r="AHD44" s="24"/>
      <c r="AHE44" s="24"/>
      <c r="AHF44" s="24"/>
      <c r="AHG44" s="24"/>
      <c r="AHH44" s="24"/>
      <c r="AHI44" s="24"/>
      <c r="AHJ44" s="24"/>
      <c r="AHK44" s="24"/>
      <c r="AHL44" s="24"/>
      <c r="AHM44" s="24"/>
      <c r="AHN44" s="24"/>
      <c r="AHO44" s="24"/>
      <c r="AHP44" s="24"/>
      <c r="AHQ44" s="24"/>
      <c r="AHR44" s="24"/>
      <c r="AHS44" s="24"/>
      <c r="AHT44" s="24"/>
      <c r="AHU44" s="24"/>
      <c r="AHV44" s="24"/>
      <c r="AHW44" s="24"/>
      <c r="AHX44" s="24"/>
      <c r="AHY44" s="24"/>
      <c r="AHZ44" s="24"/>
      <c r="AIA44" s="24"/>
      <c r="AIB44" s="24"/>
      <c r="AIC44" s="24"/>
      <c r="AID44" s="24"/>
      <c r="AIE44" s="24"/>
      <c r="AIF44" s="24"/>
      <c r="AIG44" s="24"/>
      <c r="AIH44" s="24"/>
      <c r="AII44" s="24"/>
      <c r="AIJ44" s="24"/>
      <c r="AIK44" s="24"/>
      <c r="AIL44" s="24"/>
      <c r="AIM44" s="24"/>
      <c r="AIN44" s="24"/>
      <c r="AIO44" s="24"/>
      <c r="AIP44" s="24"/>
      <c r="AIQ44" s="24"/>
      <c r="AIR44" s="24"/>
      <c r="AIS44" s="24"/>
      <c r="AIT44" s="24"/>
      <c r="AIU44" s="24"/>
      <c r="AIV44" s="24"/>
      <c r="AIW44" s="24"/>
      <c r="AIX44" s="24"/>
      <c r="AIY44" s="24"/>
      <c r="AIZ44" s="24"/>
      <c r="AJA44" s="24"/>
      <c r="AJB44" s="24"/>
      <c r="AJC44" s="24"/>
      <c r="AJD44" s="24"/>
      <c r="AJE44" s="24"/>
      <c r="AJF44" s="24"/>
      <c r="AJG44" s="24"/>
      <c r="AJH44" s="24"/>
      <c r="AJI44" s="24"/>
      <c r="AJJ44" s="24"/>
      <c r="AJK44" s="24"/>
      <c r="AJL44" s="24"/>
      <c r="AJM44" s="24"/>
      <c r="AJN44" s="24"/>
      <c r="AJO44" s="24"/>
      <c r="AJP44" s="24"/>
      <c r="AJQ44" s="24"/>
      <c r="AJR44" s="24"/>
      <c r="AJS44" s="24"/>
      <c r="AJT44" s="24"/>
      <c r="AJU44" s="24"/>
      <c r="AJV44" s="24"/>
      <c r="AJW44" s="24"/>
      <c r="AJX44" s="24"/>
      <c r="AJY44" s="24"/>
      <c r="AJZ44" s="24"/>
      <c r="AKA44" s="24"/>
      <c r="AKB44" s="24"/>
      <c r="AKC44" s="24"/>
      <c r="AKD44" s="24"/>
      <c r="AKE44" s="24"/>
      <c r="AKF44" s="24"/>
      <c r="AKG44" s="24"/>
      <c r="AKH44" s="24"/>
      <c r="AKI44" s="24"/>
      <c r="AKJ44" s="24"/>
      <c r="AKK44" s="24"/>
      <c r="AKL44" s="24"/>
      <c r="AKM44" s="24"/>
      <c r="AKN44" s="24"/>
      <c r="AKO44" s="24"/>
      <c r="AKP44" s="24"/>
      <c r="AKQ44" s="24"/>
      <c r="AKR44" s="24"/>
      <c r="AKS44" s="24"/>
      <c r="AKT44" s="24"/>
      <c r="AKU44" s="24"/>
      <c r="AKV44" s="24"/>
      <c r="AKW44" s="24"/>
      <c r="AKX44" s="24"/>
      <c r="AKY44" s="24"/>
      <c r="AKZ44" s="24"/>
      <c r="ALA44" s="24"/>
      <c r="ALB44" s="24"/>
      <c r="ALC44" s="24"/>
      <c r="ALD44" s="24"/>
      <c r="ALE44" s="24"/>
      <c r="ALF44" s="24"/>
      <c r="ALG44" s="24"/>
      <c r="ALH44" s="24"/>
      <c r="ALI44" s="24"/>
      <c r="ALJ44" s="24"/>
      <c r="ALK44" s="24"/>
      <c r="ALL44" s="24"/>
      <c r="ALM44" s="24"/>
      <c r="ALN44" s="24"/>
      <c r="ALO44" s="24"/>
      <c r="ALP44" s="24"/>
      <c r="ALQ44" s="24"/>
      <c r="ALR44" s="24"/>
      <c r="ALS44" s="24"/>
      <c r="ALT44" s="24"/>
      <c r="ALU44" s="24"/>
      <c r="ALV44" s="24"/>
      <c r="ALW44" s="24"/>
      <c r="ALX44" s="24"/>
      <c r="ALY44" s="24"/>
      <c r="ALZ44" s="24"/>
      <c r="AMA44" s="24"/>
      <c r="AMB44" s="24"/>
      <c r="AMC44" s="24"/>
    </row>
    <row r="45" spans="1:1017" ht="28.5" x14ac:dyDescent="0.25">
      <c r="A45" s="34">
        <v>35</v>
      </c>
      <c r="B45" s="14">
        <v>1</v>
      </c>
      <c r="C45" s="15" t="s">
        <v>106</v>
      </c>
      <c r="D45" s="15"/>
      <c r="E45" s="15"/>
      <c r="F45" s="14" t="s">
        <v>107</v>
      </c>
      <c r="G45" s="63">
        <v>10</v>
      </c>
      <c r="H45" s="59" t="s">
        <v>148</v>
      </c>
      <c r="I45" s="59" t="s">
        <v>148</v>
      </c>
      <c r="J45" s="16"/>
      <c r="K45" s="70">
        <f t="shared" si="0"/>
        <v>0</v>
      </c>
      <c r="L45" s="72">
        <v>0.08</v>
      </c>
      <c r="M45" s="71">
        <f t="shared" si="1"/>
        <v>0</v>
      </c>
      <c r="N45" s="17">
        <f t="shared" si="2"/>
        <v>0</v>
      </c>
      <c r="O45" s="69">
        <f t="shared" si="3"/>
        <v>0</v>
      </c>
      <c r="P45" s="18" t="s">
        <v>84</v>
      </c>
      <c r="Q45" s="19"/>
    </row>
    <row r="46" spans="1:1017" ht="28.5" x14ac:dyDescent="0.25">
      <c r="A46" s="34">
        <v>36</v>
      </c>
      <c r="B46" s="14">
        <v>1</v>
      </c>
      <c r="C46" s="15" t="s">
        <v>108</v>
      </c>
      <c r="D46" s="15"/>
      <c r="E46" s="15"/>
      <c r="F46" s="14" t="s">
        <v>105</v>
      </c>
      <c r="G46" s="63">
        <v>120</v>
      </c>
      <c r="H46" s="59" t="s">
        <v>148</v>
      </c>
      <c r="I46" s="59" t="s">
        <v>148</v>
      </c>
      <c r="J46" s="22"/>
      <c r="K46" s="70">
        <f t="shared" si="0"/>
        <v>0</v>
      </c>
      <c r="L46" s="72">
        <v>0.08</v>
      </c>
      <c r="M46" s="71">
        <f t="shared" si="1"/>
        <v>0</v>
      </c>
      <c r="N46" s="17">
        <f t="shared" si="2"/>
        <v>0</v>
      </c>
      <c r="O46" s="69">
        <f t="shared" si="3"/>
        <v>0</v>
      </c>
      <c r="P46" s="18" t="s">
        <v>85</v>
      </c>
      <c r="Q46" s="19"/>
    </row>
    <row r="47" spans="1:1017" ht="40.5" customHeight="1" x14ac:dyDescent="0.25">
      <c r="A47" s="34">
        <v>37</v>
      </c>
      <c r="B47" s="14">
        <v>1</v>
      </c>
      <c r="C47" s="15" t="s">
        <v>110</v>
      </c>
      <c r="D47" s="15"/>
      <c r="E47" s="15"/>
      <c r="F47" s="14" t="s">
        <v>105</v>
      </c>
      <c r="G47" s="63">
        <v>35</v>
      </c>
      <c r="H47" s="59" t="s">
        <v>148</v>
      </c>
      <c r="I47" s="59" t="s">
        <v>148</v>
      </c>
      <c r="J47" s="22"/>
      <c r="K47" s="70">
        <f t="shared" si="0"/>
        <v>0</v>
      </c>
      <c r="L47" s="72">
        <v>0.08</v>
      </c>
      <c r="M47" s="71">
        <f t="shared" si="1"/>
        <v>0</v>
      </c>
      <c r="N47" s="17">
        <f t="shared" si="2"/>
        <v>0</v>
      </c>
      <c r="O47" s="69">
        <f t="shared" si="3"/>
        <v>0</v>
      </c>
      <c r="P47" s="18" t="s">
        <v>88</v>
      </c>
      <c r="Q47" s="19"/>
    </row>
    <row r="48" spans="1:1017" ht="28.5" x14ac:dyDescent="0.25">
      <c r="A48" s="34">
        <v>38</v>
      </c>
      <c r="B48" s="14">
        <v>1</v>
      </c>
      <c r="C48" s="15" t="s">
        <v>111</v>
      </c>
      <c r="D48" s="15"/>
      <c r="E48" s="15"/>
      <c r="F48" s="14" t="s">
        <v>102</v>
      </c>
      <c r="G48" s="63">
        <v>95</v>
      </c>
      <c r="H48" s="59" t="s">
        <v>148</v>
      </c>
      <c r="I48" s="59" t="s">
        <v>148</v>
      </c>
      <c r="J48" s="22"/>
      <c r="K48" s="70">
        <f t="shared" si="0"/>
        <v>0</v>
      </c>
      <c r="L48" s="72">
        <v>0.08</v>
      </c>
      <c r="M48" s="71">
        <f t="shared" si="1"/>
        <v>0</v>
      </c>
      <c r="N48" s="17">
        <f t="shared" si="2"/>
        <v>0</v>
      </c>
      <c r="O48" s="69">
        <f t="shared" si="3"/>
        <v>0</v>
      </c>
      <c r="P48" s="18" t="s">
        <v>89</v>
      </c>
      <c r="Q48" s="19"/>
    </row>
    <row r="49" spans="1:1017" ht="28.5" x14ac:dyDescent="0.25">
      <c r="A49" s="34">
        <v>39</v>
      </c>
      <c r="B49" s="14">
        <v>1</v>
      </c>
      <c r="C49" s="15" t="s">
        <v>112</v>
      </c>
      <c r="D49" s="15"/>
      <c r="E49" s="15"/>
      <c r="F49" s="14" t="s">
        <v>109</v>
      </c>
      <c r="G49" s="63">
        <v>36</v>
      </c>
      <c r="H49" s="59" t="s">
        <v>148</v>
      </c>
      <c r="I49" s="59" t="s">
        <v>148</v>
      </c>
      <c r="J49" s="16"/>
      <c r="K49" s="70">
        <f t="shared" si="0"/>
        <v>0</v>
      </c>
      <c r="L49" s="72">
        <v>0.08</v>
      </c>
      <c r="M49" s="71">
        <f t="shared" si="1"/>
        <v>0</v>
      </c>
      <c r="N49" s="17">
        <f t="shared" si="2"/>
        <v>0</v>
      </c>
      <c r="O49" s="69">
        <f t="shared" si="3"/>
        <v>0</v>
      </c>
      <c r="P49" s="18" t="s">
        <v>90</v>
      </c>
      <c r="Q49" s="19"/>
    </row>
    <row r="50" spans="1:1017" ht="20.25" customHeight="1" x14ac:dyDescent="0.25">
      <c r="A50" s="34">
        <v>40</v>
      </c>
      <c r="B50" s="14">
        <v>1</v>
      </c>
      <c r="C50" s="15" t="s">
        <v>113</v>
      </c>
      <c r="D50" s="15"/>
      <c r="E50" s="15"/>
      <c r="F50" s="14" t="s">
        <v>78</v>
      </c>
      <c r="G50" s="63">
        <v>7</v>
      </c>
      <c r="H50" s="59" t="s">
        <v>148</v>
      </c>
      <c r="I50" s="59" t="s">
        <v>148</v>
      </c>
      <c r="J50" s="16"/>
      <c r="K50" s="70">
        <f t="shared" si="0"/>
        <v>0</v>
      </c>
      <c r="L50" s="72">
        <v>0.08</v>
      </c>
      <c r="M50" s="71">
        <f t="shared" si="1"/>
        <v>0</v>
      </c>
      <c r="N50" s="17">
        <f t="shared" si="2"/>
        <v>0</v>
      </c>
      <c r="O50" s="69">
        <f t="shared" si="3"/>
        <v>0</v>
      </c>
      <c r="P50" s="18" t="s">
        <v>91</v>
      </c>
      <c r="Q50" s="19"/>
    </row>
    <row r="51" spans="1:1017" ht="27.2" customHeight="1" x14ac:dyDescent="0.25">
      <c r="A51" s="34">
        <v>41</v>
      </c>
      <c r="B51" s="14">
        <v>1</v>
      </c>
      <c r="C51" s="15" t="s">
        <v>114</v>
      </c>
      <c r="D51" s="15"/>
      <c r="E51" s="15"/>
      <c r="F51" s="14" t="s">
        <v>87</v>
      </c>
      <c r="G51" s="63">
        <v>10</v>
      </c>
      <c r="H51" s="59" t="s">
        <v>148</v>
      </c>
      <c r="I51" s="59" t="s">
        <v>148</v>
      </c>
      <c r="J51" s="16"/>
      <c r="K51" s="70">
        <f t="shared" si="0"/>
        <v>0</v>
      </c>
      <c r="L51" s="72">
        <v>0.08</v>
      </c>
      <c r="M51" s="71">
        <f t="shared" si="1"/>
        <v>0</v>
      </c>
      <c r="N51" s="17">
        <f t="shared" si="2"/>
        <v>0</v>
      </c>
      <c r="O51" s="69">
        <f t="shared" si="3"/>
        <v>0</v>
      </c>
      <c r="P51" s="18" t="s">
        <v>92</v>
      </c>
      <c r="Q51" s="19"/>
    </row>
    <row r="52" spans="1:1017" ht="20.25" customHeight="1" x14ac:dyDescent="0.25">
      <c r="A52" s="34">
        <v>42</v>
      </c>
      <c r="B52" s="14">
        <v>1</v>
      </c>
      <c r="C52" s="20" t="s">
        <v>115</v>
      </c>
      <c r="D52" s="20"/>
      <c r="E52" s="20"/>
      <c r="F52" s="14" t="s">
        <v>105</v>
      </c>
      <c r="G52" s="63">
        <v>1200</v>
      </c>
      <c r="H52" s="59" t="s">
        <v>148</v>
      </c>
      <c r="I52" s="59" t="s">
        <v>148</v>
      </c>
      <c r="J52" s="16"/>
      <c r="K52" s="70">
        <f t="shared" si="0"/>
        <v>0</v>
      </c>
      <c r="L52" s="72">
        <v>0.08</v>
      </c>
      <c r="M52" s="71">
        <f t="shared" si="1"/>
        <v>0</v>
      </c>
      <c r="N52" s="17">
        <f t="shared" si="2"/>
        <v>0</v>
      </c>
      <c r="O52" s="69">
        <f t="shared" si="3"/>
        <v>0</v>
      </c>
      <c r="P52" s="18" t="s">
        <v>93</v>
      </c>
      <c r="Q52" s="19"/>
    </row>
    <row r="53" spans="1:1017" ht="20.25" customHeight="1" x14ac:dyDescent="0.25">
      <c r="A53" s="34">
        <v>43</v>
      </c>
      <c r="B53" s="14">
        <v>1</v>
      </c>
      <c r="C53" s="20" t="s">
        <v>116</v>
      </c>
      <c r="D53" s="20"/>
      <c r="E53" s="20"/>
      <c r="F53" s="14" t="s">
        <v>78</v>
      </c>
      <c r="G53" s="63">
        <v>5</v>
      </c>
      <c r="H53" s="59" t="s">
        <v>148</v>
      </c>
      <c r="I53" s="59" t="s">
        <v>148</v>
      </c>
      <c r="J53" s="16"/>
      <c r="K53" s="70">
        <f t="shared" si="0"/>
        <v>0</v>
      </c>
      <c r="L53" s="72">
        <v>0.08</v>
      </c>
      <c r="M53" s="71">
        <f t="shared" si="1"/>
        <v>0</v>
      </c>
      <c r="N53" s="17">
        <f t="shared" si="2"/>
        <v>0</v>
      </c>
      <c r="O53" s="69">
        <f t="shared" si="3"/>
        <v>0</v>
      </c>
      <c r="P53" s="18" t="s">
        <v>94</v>
      </c>
      <c r="Q53" s="19"/>
    </row>
    <row r="54" spans="1:1017" ht="20.25" customHeight="1" x14ac:dyDescent="0.25">
      <c r="A54" s="34">
        <v>44</v>
      </c>
      <c r="B54" s="14">
        <v>1</v>
      </c>
      <c r="C54" s="15" t="s">
        <v>117</v>
      </c>
      <c r="D54" s="15"/>
      <c r="E54" s="15"/>
      <c r="F54" s="14" t="s">
        <v>103</v>
      </c>
      <c r="G54" s="63">
        <v>108</v>
      </c>
      <c r="H54" s="59" t="s">
        <v>148</v>
      </c>
      <c r="I54" s="59" t="s">
        <v>148</v>
      </c>
      <c r="J54" s="16"/>
      <c r="K54" s="70">
        <f t="shared" si="0"/>
        <v>0</v>
      </c>
      <c r="L54" s="72">
        <v>0.08</v>
      </c>
      <c r="M54" s="71">
        <f t="shared" si="1"/>
        <v>0</v>
      </c>
      <c r="N54" s="17">
        <f t="shared" si="2"/>
        <v>0</v>
      </c>
      <c r="O54" s="69">
        <f t="shared" si="3"/>
        <v>0</v>
      </c>
      <c r="P54" s="18" t="s">
        <v>95</v>
      </c>
      <c r="Q54" s="19"/>
    </row>
    <row r="55" spans="1:1017" ht="40.5" customHeight="1" x14ac:dyDescent="0.25">
      <c r="A55" s="34">
        <v>45</v>
      </c>
      <c r="B55" s="14">
        <v>1</v>
      </c>
      <c r="C55" s="15" t="s">
        <v>118</v>
      </c>
      <c r="D55" s="15"/>
      <c r="E55" s="15"/>
      <c r="F55" s="14" t="s">
        <v>105</v>
      </c>
      <c r="G55" s="63">
        <v>60</v>
      </c>
      <c r="H55" s="59" t="s">
        <v>148</v>
      </c>
      <c r="I55" s="59" t="s">
        <v>148</v>
      </c>
      <c r="J55" s="22"/>
      <c r="K55" s="70">
        <f t="shared" si="0"/>
        <v>0</v>
      </c>
      <c r="L55" s="72">
        <v>0.08</v>
      </c>
      <c r="M55" s="71">
        <f t="shared" si="1"/>
        <v>0</v>
      </c>
      <c r="N55" s="17">
        <f t="shared" si="2"/>
        <v>0</v>
      </c>
      <c r="O55" s="69">
        <f t="shared" si="3"/>
        <v>0</v>
      </c>
      <c r="P55" s="18" t="s">
        <v>97</v>
      </c>
      <c r="Q55" s="19"/>
    </row>
    <row r="56" spans="1:1017" ht="20.25" customHeight="1" x14ac:dyDescent="0.25">
      <c r="A56" s="34">
        <v>46</v>
      </c>
      <c r="B56" s="14">
        <v>1</v>
      </c>
      <c r="C56" s="15" t="s">
        <v>119</v>
      </c>
      <c r="D56" s="15"/>
      <c r="E56" s="15"/>
      <c r="F56" s="14" t="s">
        <v>78</v>
      </c>
      <c r="G56" s="63">
        <v>22</v>
      </c>
      <c r="H56" s="59" t="s">
        <v>148</v>
      </c>
      <c r="I56" s="59" t="s">
        <v>148</v>
      </c>
      <c r="J56" s="22"/>
      <c r="K56" s="70">
        <f t="shared" si="0"/>
        <v>0</v>
      </c>
      <c r="L56" s="72">
        <v>0.08</v>
      </c>
      <c r="M56" s="71">
        <f t="shared" si="1"/>
        <v>0</v>
      </c>
      <c r="N56" s="17">
        <f t="shared" si="2"/>
        <v>0</v>
      </c>
      <c r="O56" s="69">
        <f t="shared" si="3"/>
        <v>0</v>
      </c>
      <c r="P56" s="18" t="s">
        <v>98</v>
      </c>
      <c r="Q56" s="19"/>
    </row>
    <row r="57" spans="1:1017" ht="20.25" customHeight="1" x14ac:dyDescent="0.25">
      <c r="A57" s="34">
        <v>47</v>
      </c>
      <c r="B57" s="14">
        <v>1</v>
      </c>
      <c r="C57" s="25" t="s">
        <v>120</v>
      </c>
      <c r="D57" s="25"/>
      <c r="E57" s="25"/>
      <c r="F57" s="26" t="s">
        <v>103</v>
      </c>
      <c r="G57" s="64">
        <v>6</v>
      </c>
      <c r="H57" s="59" t="s">
        <v>148</v>
      </c>
      <c r="I57" s="59" t="s">
        <v>148</v>
      </c>
      <c r="J57" s="16"/>
      <c r="K57" s="70">
        <f t="shared" si="0"/>
        <v>0</v>
      </c>
      <c r="L57" s="72">
        <v>0.08</v>
      </c>
      <c r="M57" s="71">
        <f t="shared" si="1"/>
        <v>0</v>
      </c>
      <c r="N57" s="17">
        <f t="shared" si="2"/>
        <v>0</v>
      </c>
      <c r="O57" s="69">
        <f t="shared" si="3"/>
        <v>0</v>
      </c>
      <c r="P57" s="18" t="s">
        <v>99</v>
      </c>
      <c r="Q57" s="19"/>
      <c r="R57" s="24"/>
      <c r="S57" s="24"/>
      <c r="T57" s="24"/>
      <c r="U57" s="24"/>
      <c r="V57" s="24"/>
      <c r="W57" s="24"/>
      <c r="X57" s="24"/>
      <c r="Y57" s="24"/>
      <c r="Z57" s="24"/>
      <c r="AA57" s="24"/>
      <c r="AB57" s="24"/>
      <c r="AC57" s="24"/>
      <c r="AD57" s="24"/>
      <c r="AE57" s="24"/>
      <c r="AF57" s="24"/>
      <c r="AG57" s="24"/>
      <c r="AH57" s="24"/>
      <c r="AI57" s="24"/>
      <c r="AJ57" s="24"/>
      <c r="AK57" s="24"/>
      <c r="AL57" s="24"/>
      <c r="AM57" s="24"/>
      <c r="AN57" s="24"/>
      <c r="AO57" s="24"/>
      <c r="AP57" s="24"/>
      <c r="AQ57" s="24"/>
      <c r="AR57" s="24"/>
      <c r="AS57" s="24"/>
      <c r="AT57" s="24"/>
      <c r="AU57" s="24"/>
      <c r="AV57" s="24"/>
      <c r="AW57" s="24"/>
      <c r="AX57" s="24"/>
      <c r="AY57" s="24"/>
      <c r="AZ57" s="24"/>
      <c r="BA57" s="24"/>
      <c r="BB57" s="24"/>
      <c r="BC57" s="24"/>
      <c r="BD57" s="24"/>
      <c r="BE57" s="24"/>
      <c r="BF57" s="24"/>
      <c r="BG57" s="24"/>
      <c r="BH57" s="24"/>
      <c r="BI57" s="24"/>
      <c r="BJ57" s="24"/>
      <c r="BK57" s="24"/>
      <c r="BL57" s="24"/>
      <c r="BM57" s="24"/>
      <c r="BN57" s="24"/>
      <c r="BO57" s="24"/>
      <c r="BP57" s="24"/>
      <c r="BQ57" s="24"/>
      <c r="BR57" s="24"/>
      <c r="BS57" s="24"/>
      <c r="BT57" s="24"/>
      <c r="BU57" s="24"/>
      <c r="BV57" s="24"/>
      <c r="BW57" s="24"/>
      <c r="BX57" s="24"/>
      <c r="BY57" s="24"/>
      <c r="BZ57" s="24"/>
      <c r="CA57" s="24"/>
      <c r="CB57" s="24"/>
      <c r="CC57" s="24"/>
      <c r="CD57" s="24"/>
      <c r="CE57" s="24"/>
      <c r="CF57" s="24"/>
      <c r="CG57" s="24"/>
      <c r="CH57" s="24"/>
      <c r="CI57" s="24"/>
      <c r="CJ57" s="24"/>
      <c r="CK57" s="24"/>
      <c r="CL57" s="24"/>
      <c r="CM57" s="24"/>
      <c r="CN57" s="24"/>
      <c r="CO57" s="24"/>
      <c r="CP57" s="24"/>
      <c r="CQ57" s="24"/>
      <c r="CR57" s="24"/>
      <c r="CS57" s="24"/>
      <c r="CT57" s="24"/>
      <c r="CU57" s="24"/>
      <c r="CV57" s="24"/>
      <c r="CW57" s="24"/>
      <c r="CX57" s="24"/>
      <c r="CY57" s="24"/>
      <c r="CZ57" s="24"/>
      <c r="DA57" s="24"/>
      <c r="DB57" s="24"/>
      <c r="DC57" s="24"/>
      <c r="DD57" s="24"/>
      <c r="DE57" s="24"/>
      <c r="DF57" s="24"/>
      <c r="DG57" s="24"/>
      <c r="DH57" s="24"/>
      <c r="DI57" s="24"/>
      <c r="DJ57" s="24"/>
      <c r="DK57" s="24"/>
      <c r="DL57" s="24"/>
      <c r="DM57" s="24"/>
      <c r="DN57" s="24"/>
      <c r="DO57" s="24"/>
      <c r="DP57" s="24"/>
      <c r="DQ57" s="24"/>
      <c r="DR57" s="24"/>
      <c r="DS57" s="24"/>
      <c r="DT57" s="24"/>
      <c r="DU57" s="24"/>
      <c r="DV57" s="24"/>
      <c r="DW57" s="24"/>
      <c r="DX57" s="24"/>
      <c r="DY57" s="24"/>
      <c r="DZ57" s="24"/>
      <c r="EA57" s="24"/>
      <c r="EB57" s="24"/>
      <c r="EC57" s="24"/>
      <c r="ED57" s="24"/>
      <c r="EE57" s="24"/>
      <c r="EF57" s="24"/>
      <c r="EG57" s="24"/>
      <c r="EH57" s="24"/>
      <c r="EI57" s="24"/>
      <c r="EJ57" s="24"/>
      <c r="EK57" s="24"/>
      <c r="EL57" s="24"/>
      <c r="EM57" s="24"/>
      <c r="EN57" s="24"/>
      <c r="EO57" s="24"/>
      <c r="EP57" s="24"/>
      <c r="EQ57" s="24"/>
      <c r="ER57" s="24"/>
      <c r="ES57" s="24"/>
      <c r="ET57" s="24"/>
      <c r="EU57" s="24"/>
      <c r="EV57" s="24"/>
      <c r="EW57" s="24"/>
      <c r="EX57" s="24"/>
      <c r="EY57" s="24"/>
      <c r="EZ57" s="24"/>
      <c r="FA57" s="24"/>
      <c r="FB57" s="24"/>
      <c r="FC57" s="24"/>
      <c r="FD57" s="24"/>
      <c r="FE57" s="24"/>
      <c r="FF57" s="24"/>
      <c r="FG57" s="24"/>
      <c r="FH57" s="24"/>
      <c r="FI57" s="24"/>
      <c r="FJ57" s="24"/>
      <c r="FK57" s="24"/>
      <c r="FL57" s="24"/>
      <c r="FM57" s="24"/>
      <c r="FN57" s="24"/>
      <c r="FO57" s="24"/>
      <c r="FP57" s="24"/>
      <c r="FQ57" s="24"/>
      <c r="FR57" s="24"/>
      <c r="FS57" s="24"/>
      <c r="FT57" s="24"/>
      <c r="FU57" s="24"/>
      <c r="FV57" s="24"/>
      <c r="FW57" s="24"/>
      <c r="FX57" s="24"/>
      <c r="FY57" s="24"/>
      <c r="FZ57" s="24"/>
      <c r="GA57" s="24"/>
      <c r="GB57" s="24"/>
      <c r="GC57" s="24"/>
      <c r="GD57" s="24"/>
      <c r="GE57" s="24"/>
      <c r="GF57" s="24"/>
      <c r="GG57" s="24"/>
      <c r="GH57" s="24"/>
      <c r="GI57" s="24"/>
      <c r="GJ57" s="24"/>
      <c r="GK57" s="24"/>
      <c r="GL57" s="24"/>
      <c r="GM57" s="24"/>
      <c r="GN57" s="24"/>
      <c r="GO57" s="24"/>
      <c r="GP57" s="24"/>
      <c r="GQ57" s="24"/>
      <c r="GR57" s="24"/>
      <c r="GS57" s="24"/>
      <c r="GT57" s="24"/>
      <c r="GU57" s="24"/>
      <c r="GV57" s="24"/>
      <c r="GW57" s="24"/>
      <c r="GX57" s="24"/>
      <c r="GY57" s="24"/>
      <c r="GZ57" s="24"/>
      <c r="HA57" s="24"/>
      <c r="HB57" s="24"/>
      <c r="HC57" s="24"/>
      <c r="HD57" s="24"/>
      <c r="HE57" s="24"/>
      <c r="HF57" s="24"/>
      <c r="HG57" s="24"/>
      <c r="HH57" s="24"/>
      <c r="HI57" s="24"/>
      <c r="HJ57" s="24"/>
      <c r="HK57" s="24"/>
      <c r="HL57" s="24"/>
      <c r="HM57" s="24"/>
      <c r="HN57" s="24"/>
      <c r="HO57" s="24"/>
      <c r="HP57" s="24"/>
      <c r="HQ57" s="24"/>
      <c r="HR57" s="24"/>
      <c r="HS57" s="24"/>
      <c r="HT57" s="24"/>
      <c r="HU57" s="24"/>
      <c r="HV57" s="24"/>
      <c r="HW57" s="24"/>
      <c r="HX57" s="24"/>
      <c r="HY57" s="24"/>
      <c r="HZ57" s="24"/>
      <c r="IA57" s="24"/>
      <c r="IB57" s="24"/>
      <c r="IC57" s="24"/>
      <c r="ID57" s="24"/>
      <c r="IE57" s="24"/>
      <c r="IF57" s="24"/>
      <c r="IG57" s="24"/>
      <c r="IH57" s="24"/>
      <c r="II57" s="24"/>
      <c r="IJ57" s="24"/>
      <c r="IK57" s="24"/>
      <c r="IL57" s="24"/>
      <c r="IM57" s="24"/>
      <c r="IN57" s="24"/>
      <c r="IO57" s="24"/>
      <c r="IP57" s="24"/>
      <c r="IQ57" s="24"/>
      <c r="IR57" s="24"/>
      <c r="IS57" s="24"/>
      <c r="IT57" s="24"/>
      <c r="IU57" s="24"/>
      <c r="IV57" s="24"/>
      <c r="IW57" s="24"/>
      <c r="IX57" s="24"/>
      <c r="IY57" s="24"/>
      <c r="IZ57" s="24"/>
      <c r="JA57" s="24"/>
      <c r="JB57" s="24"/>
      <c r="JC57" s="24"/>
      <c r="JD57" s="24"/>
      <c r="JE57" s="24"/>
      <c r="JF57" s="24"/>
      <c r="JG57" s="24"/>
      <c r="JH57" s="24"/>
      <c r="JI57" s="24"/>
      <c r="JJ57" s="24"/>
      <c r="JK57" s="24"/>
      <c r="JL57" s="24"/>
      <c r="JM57" s="24"/>
      <c r="JN57" s="24"/>
      <c r="JO57" s="24"/>
      <c r="JP57" s="24"/>
      <c r="JQ57" s="24"/>
      <c r="JR57" s="24"/>
      <c r="JS57" s="24"/>
      <c r="JT57" s="24"/>
      <c r="JU57" s="24"/>
      <c r="JV57" s="24"/>
      <c r="JW57" s="24"/>
      <c r="JX57" s="24"/>
      <c r="JY57" s="24"/>
      <c r="JZ57" s="24"/>
      <c r="KA57" s="24"/>
      <c r="KB57" s="24"/>
      <c r="KC57" s="24"/>
      <c r="KD57" s="24"/>
      <c r="KE57" s="24"/>
      <c r="KF57" s="24"/>
      <c r="KG57" s="24"/>
      <c r="KH57" s="24"/>
      <c r="KI57" s="24"/>
      <c r="KJ57" s="24"/>
      <c r="KK57" s="24"/>
      <c r="KL57" s="24"/>
      <c r="KM57" s="24"/>
      <c r="KN57" s="24"/>
      <c r="KO57" s="24"/>
      <c r="KP57" s="24"/>
      <c r="KQ57" s="24"/>
      <c r="KR57" s="24"/>
      <c r="KS57" s="24"/>
      <c r="KT57" s="24"/>
      <c r="KU57" s="24"/>
      <c r="KV57" s="24"/>
      <c r="KW57" s="24"/>
      <c r="KX57" s="24"/>
      <c r="KY57" s="24"/>
      <c r="KZ57" s="24"/>
      <c r="LA57" s="24"/>
      <c r="LB57" s="24"/>
      <c r="LC57" s="24"/>
      <c r="LD57" s="24"/>
      <c r="LE57" s="24"/>
      <c r="LF57" s="24"/>
      <c r="LG57" s="24"/>
      <c r="LH57" s="24"/>
      <c r="LI57" s="24"/>
      <c r="LJ57" s="24"/>
      <c r="LK57" s="24"/>
      <c r="LL57" s="24"/>
      <c r="LM57" s="24"/>
      <c r="LN57" s="24"/>
      <c r="LO57" s="24"/>
      <c r="LP57" s="24"/>
      <c r="LQ57" s="24"/>
      <c r="LR57" s="24"/>
      <c r="LS57" s="24"/>
      <c r="LT57" s="24"/>
      <c r="LU57" s="24"/>
      <c r="LV57" s="24"/>
      <c r="LW57" s="24"/>
      <c r="LX57" s="24"/>
      <c r="LY57" s="24"/>
      <c r="LZ57" s="24"/>
      <c r="MA57" s="24"/>
      <c r="MB57" s="24"/>
      <c r="MC57" s="24"/>
      <c r="MD57" s="24"/>
      <c r="ME57" s="24"/>
      <c r="MF57" s="24"/>
      <c r="MG57" s="24"/>
      <c r="MH57" s="24"/>
      <c r="MI57" s="24"/>
      <c r="MJ57" s="24"/>
      <c r="MK57" s="24"/>
      <c r="ML57" s="24"/>
      <c r="MM57" s="24"/>
      <c r="MN57" s="24"/>
      <c r="MO57" s="24"/>
      <c r="MP57" s="24"/>
      <c r="MQ57" s="24"/>
      <c r="MR57" s="24"/>
      <c r="MS57" s="24"/>
      <c r="MT57" s="24"/>
      <c r="MU57" s="24"/>
      <c r="MV57" s="24"/>
      <c r="MW57" s="24"/>
      <c r="MX57" s="24"/>
      <c r="MY57" s="24"/>
      <c r="MZ57" s="24"/>
      <c r="NA57" s="24"/>
      <c r="NB57" s="24"/>
      <c r="NC57" s="24"/>
      <c r="ND57" s="24"/>
      <c r="NE57" s="24"/>
      <c r="NF57" s="24"/>
      <c r="NG57" s="24"/>
      <c r="NH57" s="24"/>
      <c r="NI57" s="24"/>
      <c r="NJ57" s="24"/>
      <c r="NK57" s="24"/>
      <c r="NL57" s="24"/>
      <c r="NM57" s="24"/>
      <c r="NN57" s="24"/>
      <c r="NO57" s="24"/>
      <c r="NP57" s="24"/>
      <c r="NQ57" s="24"/>
      <c r="NR57" s="24"/>
      <c r="NS57" s="24"/>
      <c r="NT57" s="24"/>
      <c r="NU57" s="24"/>
      <c r="NV57" s="24"/>
      <c r="NW57" s="24"/>
      <c r="NX57" s="24"/>
      <c r="NY57" s="24"/>
      <c r="NZ57" s="24"/>
      <c r="OA57" s="24"/>
      <c r="OB57" s="24"/>
      <c r="OC57" s="24"/>
      <c r="OD57" s="24"/>
      <c r="OE57" s="24"/>
      <c r="OF57" s="24"/>
      <c r="OG57" s="24"/>
      <c r="OH57" s="24"/>
      <c r="OI57" s="24"/>
      <c r="OJ57" s="24"/>
      <c r="OK57" s="24"/>
      <c r="OL57" s="24"/>
      <c r="OM57" s="24"/>
      <c r="ON57" s="24"/>
      <c r="OO57" s="24"/>
      <c r="OP57" s="24"/>
      <c r="OQ57" s="24"/>
      <c r="OR57" s="24"/>
      <c r="OS57" s="24"/>
      <c r="OT57" s="24"/>
      <c r="OU57" s="24"/>
      <c r="OV57" s="24"/>
      <c r="OW57" s="24"/>
      <c r="OX57" s="24"/>
      <c r="OY57" s="24"/>
      <c r="OZ57" s="24"/>
      <c r="PA57" s="24"/>
      <c r="PB57" s="24"/>
      <c r="PC57" s="24"/>
      <c r="PD57" s="24"/>
      <c r="PE57" s="24"/>
      <c r="PF57" s="24"/>
      <c r="PG57" s="24"/>
      <c r="PH57" s="24"/>
      <c r="PI57" s="24"/>
      <c r="PJ57" s="24"/>
      <c r="PK57" s="24"/>
      <c r="PL57" s="24"/>
      <c r="PM57" s="24"/>
      <c r="PN57" s="24"/>
      <c r="PO57" s="24"/>
      <c r="PP57" s="24"/>
      <c r="PQ57" s="24"/>
      <c r="PR57" s="24"/>
      <c r="PS57" s="24"/>
      <c r="PT57" s="24"/>
      <c r="PU57" s="24"/>
      <c r="PV57" s="24"/>
      <c r="PW57" s="24"/>
      <c r="PX57" s="24"/>
      <c r="PY57" s="24"/>
      <c r="PZ57" s="24"/>
      <c r="QA57" s="24"/>
      <c r="QB57" s="24"/>
      <c r="QC57" s="24"/>
      <c r="QD57" s="24"/>
      <c r="QE57" s="24"/>
      <c r="QF57" s="24"/>
      <c r="QG57" s="24"/>
      <c r="QH57" s="24"/>
      <c r="QI57" s="24"/>
      <c r="QJ57" s="24"/>
      <c r="QK57" s="24"/>
      <c r="QL57" s="24"/>
      <c r="QM57" s="24"/>
      <c r="QN57" s="24"/>
      <c r="QO57" s="24"/>
      <c r="QP57" s="24"/>
      <c r="QQ57" s="24"/>
      <c r="QR57" s="24"/>
      <c r="QS57" s="24"/>
      <c r="QT57" s="24"/>
      <c r="QU57" s="24"/>
      <c r="QV57" s="24"/>
      <c r="QW57" s="24"/>
      <c r="QX57" s="24"/>
      <c r="QY57" s="24"/>
      <c r="QZ57" s="24"/>
      <c r="RA57" s="24"/>
      <c r="RB57" s="24"/>
      <c r="RC57" s="24"/>
      <c r="RD57" s="24"/>
      <c r="RE57" s="24"/>
      <c r="RF57" s="24"/>
      <c r="RG57" s="24"/>
      <c r="RH57" s="24"/>
      <c r="RI57" s="24"/>
      <c r="RJ57" s="24"/>
      <c r="RK57" s="24"/>
      <c r="RL57" s="24"/>
      <c r="RM57" s="24"/>
      <c r="RN57" s="24"/>
      <c r="RO57" s="24"/>
      <c r="RP57" s="24"/>
      <c r="RQ57" s="24"/>
      <c r="RR57" s="24"/>
      <c r="RS57" s="24"/>
      <c r="RT57" s="24"/>
      <c r="RU57" s="24"/>
      <c r="RV57" s="24"/>
      <c r="RW57" s="24"/>
      <c r="RX57" s="24"/>
      <c r="RY57" s="24"/>
      <c r="RZ57" s="24"/>
      <c r="SA57" s="24"/>
      <c r="SB57" s="24"/>
      <c r="SC57" s="24"/>
      <c r="SD57" s="24"/>
      <c r="SE57" s="24"/>
      <c r="SF57" s="24"/>
      <c r="SG57" s="24"/>
      <c r="SH57" s="24"/>
      <c r="SI57" s="24"/>
      <c r="SJ57" s="24"/>
      <c r="SK57" s="24"/>
      <c r="SL57" s="24"/>
      <c r="SM57" s="24"/>
      <c r="SN57" s="24"/>
      <c r="SO57" s="24"/>
      <c r="SP57" s="24"/>
      <c r="SQ57" s="24"/>
      <c r="SR57" s="24"/>
      <c r="SS57" s="24"/>
      <c r="ST57" s="24"/>
      <c r="SU57" s="24"/>
      <c r="SV57" s="24"/>
      <c r="SW57" s="24"/>
      <c r="SX57" s="24"/>
      <c r="SY57" s="24"/>
      <c r="SZ57" s="24"/>
      <c r="TA57" s="24"/>
      <c r="TB57" s="24"/>
      <c r="TC57" s="24"/>
      <c r="TD57" s="24"/>
      <c r="TE57" s="24"/>
      <c r="TF57" s="24"/>
      <c r="TG57" s="24"/>
      <c r="TH57" s="24"/>
      <c r="TI57" s="24"/>
      <c r="TJ57" s="24"/>
      <c r="TK57" s="24"/>
      <c r="TL57" s="24"/>
      <c r="TM57" s="24"/>
      <c r="TN57" s="24"/>
      <c r="TO57" s="24"/>
      <c r="TP57" s="24"/>
      <c r="TQ57" s="24"/>
      <c r="TR57" s="24"/>
      <c r="TS57" s="24"/>
      <c r="TT57" s="24"/>
      <c r="TU57" s="24"/>
      <c r="TV57" s="24"/>
      <c r="TW57" s="24"/>
      <c r="TX57" s="24"/>
      <c r="TY57" s="24"/>
      <c r="TZ57" s="24"/>
      <c r="UA57" s="24"/>
      <c r="UB57" s="24"/>
      <c r="UC57" s="24"/>
      <c r="UD57" s="24"/>
      <c r="UE57" s="24"/>
      <c r="UF57" s="24"/>
      <c r="UG57" s="24"/>
      <c r="UH57" s="24"/>
      <c r="UI57" s="24"/>
      <c r="UJ57" s="24"/>
      <c r="UK57" s="24"/>
      <c r="UL57" s="24"/>
      <c r="UM57" s="24"/>
      <c r="UN57" s="24"/>
      <c r="UO57" s="24"/>
      <c r="UP57" s="24"/>
      <c r="UQ57" s="24"/>
      <c r="UR57" s="24"/>
      <c r="US57" s="24"/>
      <c r="UT57" s="24"/>
      <c r="UU57" s="24"/>
      <c r="UV57" s="24"/>
      <c r="UW57" s="24"/>
      <c r="UX57" s="24"/>
      <c r="UY57" s="24"/>
      <c r="UZ57" s="24"/>
      <c r="VA57" s="24"/>
      <c r="VB57" s="24"/>
      <c r="VC57" s="24"/>
      <c r="VD57" s="24"/>
      <c r="VE57" s="24"/>
      <c r="VF57" s="24"/>
      <c r="VG57" s="24"/>
      <c r="VH57" s="24"/>
      <c r="VI57" s="24"/>
      <c r="VJ57" s="24"/>
      <c r="VK57" s="24"/>
      <c r="VL57" s="24"/>
      <c r="VM57" s="24"/>
      <c r="VN57" s="24"/>
      <c r="VO57" s="24"/>
      <c r="VP57" s="24"/>
      <c r="VQ57" s="24"/>
      <c r="VR57" s="24"/>
      <c r="VS57" s="24"/>
      <c r="VT57" s="24"/>
      <c r="VU57" s="24"/>
      <c r="VV57" s="24"/>
      <c r="VW57" s="24"/>
      <c r="VX57" s="24"/>
      <c r="VY57" s="24"/>
      <c r="VZ57" s="24"/>
      <c r="WA57" s="24"/>
      <c r="WB57" s="24"/>
      <c r="WC57" s="24"/>
      <c r="WD57" s="24"/>
      <c r="WE57" s="24"/>
      <c r="WF57" s="24"/>
      <c r="WG57" s="24"/>
      <c r="WH57" s="24"/>
      <c r="WI57" s="24"/>
      <c r="WJ57" s="24"/>
      <c r="WK57" s="24"/>
      <c r="WL57" s="24"/>
      <c r="WM57" s="24"/>
      <c r="WN57" s="24"/>
      <c r="WO57" s="24"/>
      <c r="WP57" s="24"/>
      <c r="WQ57" s="24"/>
      <c r="WR57" s="24"/>
      <c r="WS57" s="24"/>
      <c r="WT57" s="24"/>
      <c r="WU57" s="24"/>
      <c r="WV57" s="24"/>
      <c r="WW57" s="24"/>
      <c r="WX57" s="24"/>
      <c r="WY57" s="24"/>
      <c r="WZ57" s="24"/>
      <c r="XA57" s="24"/>
      <c r="XB57" s="24"/>
      <c r="XC57" s="24"/>
      <c r="XD57" s="24"/>
      <c r="XE57" s="24"/>
      <c r="XF57" s="24"/>
      <c r="XG57" s="24"/>
      <c r="XH57" s="24"/>
      <c r="XI57" s="24"/>
      <c r="XJ57" s="24"/>
      <c r="XK57" s="24"/>
      <c r="XL57" s="24"/>
      <c r="XM57" s="24"/>
      <c r="XN57" s="24"/>
      <c r="XO57" s="24"/>
      <c r="XP57" s="24"/>
      <c r="XQ57" s="24"/>
      <c r="XR57" s="24"/>
      <c r="XS57" s="24"/>
      <c r="XT57" s="24"/>
      <c r="XU57" s="24"/>
      <c r="XV57" s="24"/>
      <c r="XW57" s="24"/>
      <c r="XX57" s="24"/>
      <c r="XY57" s="24"/>
      <c r="XZ57" s="24"/>
      <c r="YA57" s="24"/>
      <c r="YB57" s="24"/>
      <c r="YC57" s="24"/>
      <c r="YD57" s="24"/>
      <c r="YE57" s="24"/>
      <c r="YF57" s="24"/>
      <c r="YG57" s="24"/>
      <c r="YH57" s="24"/>
      <c r="YI57" s="24"/>
      <c r="YJ57" s="24"/>
      <c r="YK57" s="24"/>
      <c r="YL57" s="24"/>
      <c r="YM57" s="24"/>
      <c r="YN57" s="24"/>
      <c r="YO57" s="24"/>
      <c r="YP57" s="24"/>
      <c r="YQ57" s="24"/>
      <c r="YR57" s="24"/>
      <c r="YS57" s="24"/>
      <c r="YT57" s="24"/>
      <c r="YU57" s="24"/>
      <c r="YV57" s="24"/>
      <c r="YW57" s="24"/>
      <c r="YX57" s="24"/>
      <c r="YY57" s="24"/>
      <c r="YZ57" s="24"/>
      <c r="ZA57" s="24"/>
      <c r="ZB57" s="24"/>
      <c r="ZC57" s="24"/>
      <c r="ZD57" s="24"/>
      <c r="ZE57" s="24"/>
      <c r="ZF57" s="24"/>
      <c r="ZG57" s="24"/>
      <c r="ZH57" s="24"/>
      <c r="ZI57" s="24"/>
      <c r="ZJ57" s="24"/>
      <c r="ZK57" s="24"/>
      <c r="ZL57" s="24"/>
      <c r="ZM57" s="24"/>
      <c r="ZN57" s="24"/>
      <c r="ZO57" s="24"/>
      <c r="ZP57" s="24"/>
      <c r="ZQ57" s="24"/>
      <c r="ZR57" s="24"/>
      <c r="ZS57" s="24"/>
      <c r="ZT57" s="24"/>
      <c r="ZU57" s="24"/>
      <c r="ZV57" s="24"/>
      <c r="ZW57" s="24"/>
      <c r="ZX57" s="24"/>
      <c r="ZY57" s="24"/>
      <c r="ZZ57" s="24"/>
      <c r="AAA57" s="24"/>
      <c r="AAB57" s="24"/>
      <c r="AAC57" s="24"/>
      <c r="AAD57" s="24"/>
      <c r="AAE57" s="24"/>
      <c r="AAF57" s="24"/>
      <c r="AAG57" s="24"/>
      <c r="AAH57" s="24"/>
      <c r="AAI57" s="24"/>
      <c r="AAJ57" s="24"/>
      <c r="AAK57" s="24"/>
      <c r="AAL57" s="24"/>
      <c r="AAM57" s="24"/>
      <c r="AAN57" s="24"/>
      <c r="AAO57" s="24"/>
      <c r="AAP57" s="24"/>
      <c r="AAQ57" s="24"/>
      <c r="AAR57" s="24"/>
      <c r="AAS57" s="24"/>
      <c r="AAT57" s="24"/>
      <c r="AAU57" s="24"/>
      <c r="AAV57" s="24"/>
      <c r="AAW57" s="24"/>
      <c r="AAX57" s="24"/>
      <c r="AAY57" s="24"/>
      <c r="AAZ57" s="24"/>
      <c r="ABA57" s="24"/>
      <c r="ABB57" s="24"/>
      <c r="ABC57" s="24"/>
      <c r="ABD57" s="24"/>
      <c r="ABE57" s="24"/>
      <c r="ABF57" s="24"/>
      <c r="ABG57" s="24"/>
      <c r="ABH57" s="24"/>
      <c r="ABI57" s="24"/>
      <c r="ABJ57" s="24"/>
      <c r="ABK57" s="24"/>
      <c r="ABL57" s="24"/>
      <c r="ABM57" s="24"/>
      <c r="ABN57" s="24"/>
      <c r="ABO57" s="24"/>
      <c r="ABP57" s="24"/>
      <c r="ABQ57" s="24"/>
      <c r="ABR57" s="24"/>
      <c r="ABS57" s="24"/>
      <c r="ABT57" s="24"/>
      <c r="ABU57" s="24"/>
      <c r="ABV57" s="24"/>
      <c r="ABW57" s="24"/>
      <c r="ABX57" s="24"/>
      <c r="ABY57" s="24"/>
      <c r="ABZ57" s="24"/>
      <c r="ACA57" s="24"/>
      <c r="ACB57" s="24"/>
      <c r="ACC57" s="24"/>
      <c r="ACD57" s="24"/>
      <c r="ACE57" s="24"/>
      <c r="ACF57" s="24"/>
      <c r="ACG57" s="24"/>
      <c r="ACH57" s="24"/>
      <c r="ACI57" s="24"/>
      <c r="ACJ57" s="24"/>
      <c r="ACK57" s="24"/>
      <c r="ACL57" s="24"/>
      <c r="ACM57" s="24"/>
      <c r="ACN57" s="24"/>
      <c r="ACO57" s="24"/>
      <c r="ACP57" s="24"/>
      <c r="ACQ57" s="24"/>
      <c r="ACR57" s="24"/>
      <c r="ACS57" s="24"/>
      <c r="ACT57" s="24"/>
      <c r="ACU57" s="24"/>
      <c r="ACV57" s="24"/>
      <c r="ACW57" s="24"/>
      <c r="ACX57" s="24"/>
      <c r="ACY57" s="24"/>
      <c r="ACZ57" s="24"/>
      <c r="ADA57" s="24"/>
      <c r="ADB57" s="24"/>
      <c r="ADC57" s="24"/>
      <c r="ADD57" s="24"/>
      <c r="ADE57" s="24"/>
      <c r="ADF57" s="24"/>
      <c r="ADG57" s="24"/>
      <c r="ADH57" s="24"/>
      <c r="ADI57" s="24"/>
      <c r="ADJ57" s="24"/>
      <c r="ADK57" s="24"/>
      <c r="ADL57" s="24"/>
      <c r="ADM57" s="24"/>
      <c r="ADN57" s="24"/>
      <c r="ADO57" s="24"/>
      <c r="ADP57" s="24"/>
      <c r="ADQ57" s="24"/>
      <c r="ADR57" s="24"/>
      <c r="ADS57" s="24"/>
      <c r="ADT57" s="24"/>
      <c r="ADU57" s="24"/>
      <c r="ADV57" s="24"/>
      <c r="ADW57" s="24"/>
      <c r="ADX57" s="24"/>
      <c r="ADY57" s="24"/>
      <c r="ADZ57" s="24"/>
      <c r="AEA57" s="24"/>
      <c r="AEB57" s="24"/>
      <c r="AEC57" s="24"/>
      <c r="AED57" s="24"/>
      <c r="AEE57" s="24"/>
      <c r="AEF57" s="24"/>
      <c r="AEG57" s="24"/>
      <c r="AEH57" s="24"/>
      <c r="AEI57" s="24"/>
      <c r="AEJ57" s="24"/>
      <c r="AEK57" s="24"/>
      <c r="AEL57" s="24"/>
      <c r="AEM57" s="24"/>
      <c r="AEN57" s="24"/>
      <c r="AEO57" s="24"/>
      <c r="AEP57" s="24"/>
      <c r="AEQ57" s="24"/>
      <c r="AER57" s="24"/>
      <c r="AES57" s="24"/>
      <c r="AET57" s="24"/>
      <c r="AEU57" s="24"/>
      <c r="AEV57" s="24"/>
      <c r="AEW57" s="24"/>
      <c r="AEX57" s="24"/>
      <c r="AEY57" s="24"/>
      <c r="AEZ57" s="24"/>
      <c r="AFA57" s="24"/>
      <c r="AFB57" s="24"/>
      <c r="AFC57" s="24"/>
      <c r="AFD57" s="24"/>
      <c r="AFE57" s="24"/>
      <c r="AFF57" s="24"/>
      <c r="AFG57" s="24"/>
      <c r="AFH57" s="24"/>
      <c r="AFI57" s="24"/>
      <c r="AFJ57" s="24"/>
      <c r="AFK57" s="24"/>
      <c r="AFL57" s="24"/>
      <c r="AFM57" s="24"/>
      <c r="AFN57" s="24"/>
      <c r="AFO57" s="24"/>
      <c r="AFP57" s="24"/>
      <c r="AFQ57" s="24"/>
      <c r="AFR57" s="24"/>
      <c r="AFS57" s="24"/>
      <c r="AFT57" s="24"/>
      <c r="AFU57" s="24"/>
      <c r="AFV57" s="24"/>
      <c r="AFW57" s="24"/>
      <c r="AFX57" s="24"/>
      <c r="AFY57" s="24"/>
      <c r="AFZ57" s="24"/>
      <c r="AGA57" s="24"/>
      <c r="AGB57" s="24"/>
      <c r="AGC57" s="24"/>
      <c r="AGD57" s="24"/>
      <c r="AGE57" s="24"/>
      <c r="AGF57" s="24"/>
      <c r="AGG57" s="24"/>
      <c r="AGH57" s="24"/>
      <c r="AGI57" s="24"/>
      <c r="AGJ57" s="24"/>
      <c r="AGK57" s="24"/>
      <c r="AGL57" s="24"/>
      <c r="AGM57" s="24"/>
      <c r="AGN57" s="24"/>
      <c r="AGO57" s="24"/>
      <c r="AGP57" s="24"/>
      <c r="AGQ57" s="24"/>
      <c r="AGR57" s="24"/>
      <c r="AGS57" s="24"/>
      <c r="AGT57" s="24"/>
      <c r="AGU57" s="24"/>
      <c r="AGV57" s="24"/>
      <c r="AGW57" s="24"/>
      <c r="AGX57" s="24"/>
      <c r="AGY57" s="24"/>
      <c r="AGZ57" s="24"/>
      <c r="AHA57" s="24"/>
      <c r="AHB57" s="24"/>
      <c r="AHC57" s="24"/>
      <c r="AHD57" s="24"/>
      <c r="AHE57" s="24"/>
      <c r="AHF57" s="24"/>
      <c r="AHG57" s="24"/>
      <c r="AHH57" s="24"/>
      <c r="AHI57" s="24"/>
      <c r="AHJ57" s="24"/>
      <c r="AHK57" s="24"/>
      <c r="AHL57" s="24"/>
      <c r="AHM57" s="24"/>
      <c r="AHN57" s="24"/>
      <c r="AHO57" s="24"/>
      <c r="AHP57" s="24"/>
      <c r="AHQ57" s="24"/>
      <c r="AHR57" s="24"/>
      <c r="AHS57" s="24"/>
      <c r="AHT57" s="24"/>
      <c r="AHU57" s="24"/>
      <c r="AHV57" s="24"/>
      <c r="AHW57" s="24"/>
      <c r="AHX57" s="24"/>
      <c r="AHY57" s="24"/>
      <c r="AHZ57" s="24"/>
      <c r="AIA57" s="24"/>
      <c r="AIB57" s="24"/>
      <c r="AIC57" s="24"/>
      <c r="AID57" s="24"/>
      <c r="AIE57" s="24"/>
      <c r="AIF57" s="24"/>
      <c r="AIG57" s="24"/>
      <c r="AIH57" s="24"/>
      <c r="AII57" s="24"/>
      <c r="AIJ57" s="24"/>
      <c r="AIK57" s="24"/>
      <c r="AIL57" s="24"/>
      <c r="AIM57" s="24"/>
      <c r="AIN57" s="24"/>
      <c r="AIO57" s="24"/>
      <c r="AIP57" s="24"/>
      <c r="AIQ57" s="24"/>
      <c r="AIR57" s="24"/>
      <c r="AIS57" s="24"/>
      <c r="AIT57" s="24"/>
      <c r="AIU57" s="24"/>
      <c r="AIV57" s="24"/>
      <c r="AIW57" s="24"/>
      <c r="AIX57" s="24"/>
      <c r="AIY57" s="24"/>
      <c r="AIZ57" s="24"/>
      <c r="AJA57" s="24"/>
      <c r="AJB57" s="24"/>
      <c r="AJC57" s="24"/>
      <c r="AJD57" s="24"/>
      <c r="AJE57" s="24"/>
      <c r="AJF57" s="24"/>
      <c r="AJG57" s="24"/>
      <c r="AJH57" s="24"/>
      <c r="AJI57" s="24"/>
      <c r="AJJ57" s="24"/>
      <c r="AJK57" s="24"/>
      <c r="AJL57" s="24"/>
      <c r="AJM57" s="24"/>
      <c r="AJN57" s="24"/>
      <c r="AJO57" s="24"/>
      <c r="AJP57" s="24"/>
      <c r="AJQ57" s="24"/>
      <c r="AJR57" s="24"/>
      <c r="AJS57" s="24"/>
      <c r="AJT57" s="24"/>
      <c r="AJU57" s="24"/>
      <c r="AJV57" s="24"/>
      <c r="AJW57" s="24"/>
      <c r="AJX57" s="24"/>
      <c r="AJY57" s="24"/>
      <c r="AJZ57" s="24"/>
      <c r="AKA57" s="24"/>
      <c r="AKB57" s="24"/>
      <c r="AKC57" s="24"/>
      <c r="AKD57" s="24"/>
      <c r="AKE57" s="24"/>
      <c r="AKF57" s="24"/>
      <c r="AKG57" s="24"/>
      <c r="AKH57" s="24"/>
      <c r="AKI57" s="24"/>
      <c r="AKJ57" s="24"/>
      <c r="AKK57" s="24"/>
      <c r="AKL57" s="24"/>
      <c r="AKM57" s="24"/>
      <c r="AKN57" s="24"/>
      <c r="AKO57" s="24"/>
      <c r="AKP57" s="24"/>
      <c r="AKQ57" s="24"/>
      <c r="AKR57" s="24"/>
      <c r="AKS57" s="24"/>
      <c r="AKT57" s="24"/>
      <c r="AKU57" s="24"/>
      <c r="AKV57" s="24"/>
      <c r="AKW57" s="24"/>
      <c r="AKX57" s="24"/>
      <c r="AKY57" s="24"/>
      <c r="AKZ57" s="24"/>
      <c r="ALA57" s="24"/>
      <c r="ALB57" s="24"/>
      <c r="ALC57" s="24"/>
      <c r="ALD57" s="24"/>
      <c r="ALE57" s="24"/>
      <c r="ALF57" s="24"/>
      <c r="ALG57" s="24"/>
      <c r="ALH57" s="24"/>
      <c r="ALI57" s="24"/>
      <c r="ALJ57" s="24"/>
      <c r="ALK57" s="24"/>
      <c r="ALL57" s="24"/>
      <c r="ALM57" s="24"/>
      <c r="ALN57" s="24"/>
      <c r="ALO57" s="24"/>
      <c r="ALP57" s="24"/>
      <c r="ALQ57" s="24"/>
      <c r="ALR57" s="24"/>
      <c r="ALS57" s="24"/>
      <c r="ALT57" s="24"/>
      <c r="ALU57" s="24"/>
      <c r="ALV57" s="24"/>
      <c r="ALW57" s="24"/>
      <c r="ALX57" s="24"/>
      <c r="ALY57" s="24"/>
      <c r="ALZ57" s="24"/>
      <c r="AMA57" s="24"/>
      <c r="AMB57" s="24"/>
      <c r="AMC57" s="24"/>
    </row>
    <row r="58" spans="1:1017" ht="20.25" customHeight="1" x14ac:dyDescent="0.25">
      <c r="A58" s="34">
        <v>48</v>
      </c>
      <c r="B58" s="14">
        <v>1</v>
      </c>
      <c r="C58" s="25" t="s">
        <v>121</v>
      </c>
      <c r="D58" s="25"/>
      <c r="E58" s="25"/>
      <c r="F58" s="26" t="s">
        <v>103</v>
      </c>
      <c r="G58" s="64">
        <v>1</v>
      </c>
      <c r="H58" s="59" t="s">
        <v>148</v>
      </c>
      <c r="I58" s="59" t="s">
        <v>148</v>
      </c>
      <c r="J58" s="16"/>
      <c r="K58" s="70">
        <f t="shared" si="0"/>
        <v>0</v>
      </c>
      <c r="L58" s="72">
        <v>0.08</v>
      </c>
      <c r="M58" s="71">
        <f t="shared" si="1"/>
        <v>0</v>
      </c>
      <c r="N58" s="17">
        <f t="shared" si="2"/>
        <v>0</v>
      </c>
      <c r="O58" s="69">
        <f t="shared" si="3"/>
        <v>0</v>
      </c>
      <c r="P58" s="18" t="s">
        <v>100</v>
      </c>
      <c r="Q58" s="19"/>
      <c r="R58" s="24"/>
      <c r="S58" s="24"/>
      <c r="T58" s="24"/>
      <c r="U58" s="24"/>
      <c r="V58" s="24"/>
      <c r="W58" s="24"/>
      <c r="X58" s="24"/>
      <c r="Y58" s="24"/>
      <c r="Z58" s="24"/>
      <c r="AA58" s="24"/>
      <c r="AB58" s="24"/>
      <c r="AC58" s="24"/>
      <c r="AD58" s="24"/>
      <c r="AE58" s="24"/>
      <c r="AF58" s="24"/>
      <c r="AG58" s="24"/>
      <c r="AH58" s="24"/>
      <c r="AI58" s="24"/>
      <c r="AJ58" s="24"/>
      <c r="AK58" s="24"/>
      <c r="AL58" s="24"/>
      <c r="AM58" s="24"/>
      <c r="AN58" s="24"/>
      <c r="AO58" s="24"/>
      <c r="AP58" s="24"/>
      <c r="AQ58" s="24"/>
      <c r="AR58" s="24"/>
      <c r="AS58" s="24"/>
      <c r="AT58" s="24"/>
      <c r="AU58" s="24"/>
      <c r="AV58" s="24"/>
      <c r="AW58" s="24"/>
      <c r="AX58" s="24"/>
      <c r="AY58" s="24"/>
      <c r="AZ58" s="24"/>
      <c r="BA58" s="24"/>
      <c r="BB58" s="24"/>
      <c r="BC58" s="24"/>
      <c r="BD58" s="24"/>
      <c r="BE58" s="24"/>
      <c r="BF58" s="24"/>
      <c r="BG58" s="24"/>
      <c r="BH58" s="24"/>
      <c r="BI58" s="24"/>
      <c r="BJ58" s="24"/>
      <c r="BK58" s="24"/>
      <c r="BL58" s="24"/>
      <c r="BM58" s="24"/>
      <c r="BN58" s="24"/>
      <c r="BO58" s="24"/>
      <c r="BP58" s="24"/>
      <c r="BQ58" s="24"/>
      <c r="BR58" s="24"/>
      <c r="BS58" s="24"/>
      <c r="BT58" s="24"/>
      <c r="BU58" s="24"/>
      <c r="BV58" s="24"/>
      <c r="BW58" s="24"/>
      <c r="BX58" s="24"/>
      <c r="BY58" s="24"/>
      <c r="BZ58" s="24"/>
      <c r="CA58" s="24"/>
      <c r="CB58" s="24"/>
      <c r="CC58" s="24"/>
      <c r="CD58" s="24"/>
      <c r="CE58" s="24"/>
      <c r="CF58" s="24"/>
      <c r="CG58" s="24"/>
      <c r="CH58" s="24"/>
      <c r="CI58" s="24"/>
      <c r="CJ58" s="24"/>
      <c r="CK58" s="24"/>
      <c r="CL58" s="24"/>
      <c r="CM58" s="24"/>
      <c r="CN58" s="24"/>
      <c r="CO58" s="24"/>
      <c r="CP58" s="24"/>
      <c r="CQ58" s="24"/>
      <c r="CR58" s="24"/>
      <c r="CS58" s="24"/>
      <c r="CT58" s="24"/>
      <c r="CU58" s="24"/>
      <c r="CV58" s="24"/>
      <c r="CW58" s="24"/>
      <c r="CX58" s="24"/>
      <c r="CY58" s="24"/>
      <c r="CZ58" s="24"/>
      <c r="DA58" s="24"/>
      <c r="DB58" s="24"/>
      <c r="DC58" s="24"/>
      <c r="DD58" s="24"/>
      <c r="DE58" s="24"/>
      <c r="DF58" s="24"/>
      <c r="DG58" s="24"/>
      <c r="DH58" s="24"/>
      <c r="DI58" s="24"/>
      <c r="DJ58" s="24"/>
      <c r="DK58" s="24"/>
      <c r="DL58" s="24"/>
      <c r="DM58" s="24"/>
      <c r="DN58" s="24"/>
      <c r="DO58" s="24"/>
      <c r="DP58" s="24"/>
      <c r="DQ58" s="24"/>
      <c r="DR58" s="24"/>
      <c r="DS58" s="24"/>
      <c r="DT58" s="24"/>
      <c r="DU58" s="24"/>
      <c r="DV58" s="24"/>
      <c r="DW58" s="24"/>
      <c r="DX58" s="24"/>
      <c r="DY58" s="24"/>
      <c r="DZ58" s="24"/>
      <c r="EA58" s="24"/>
      <c r="EB58" s="24"/>
      <c r="EC58" s="24"/>
      <c r="ED58" s="24"/>
      <c r="EE58" s="24"/>
      <c r="EF58" s="24"/>
      <c r="EG58" s="24"/>
      <c r="EH58" s="24"/>
      <c r="EI58" s="24"/>
      <c r="EJ58" s="24"/>
      <c r="EK58" s="24"/>
      <c r="EL58" s="24"/>
      <c r="EM58" s="24"/>
      <c r="EN58" s="24"/>
      <c r="EO58" s="24"/>
      <c r="EP58" s="24"/>
      <c r="EQ58" s="24"/>
      <c r="ER58" s="24"/>
      <c r="ES58" s="24"/>
      <c r="ET58" s="24"/>
      <c r="EU58" s="24"/>
      <c r="EV58" s="24"/>
      <c r="EW58" s="24"/>
      <c r="EX58" s="24"/>
      <c r="EY58" s="24"/>
      <c r="EZ58" s="24"/>
      <c r="FA58" s="24"/>
      <c r="FB58" s="24"/>
      <c r="FC58" s="24"/>
      <c r="FD58" s="24"/>
      <c r="FE58" s="24"/>
      <c r="FF58" s="24"/>
      <c r="FG58" s="24"/>
      <c r="FH58" s="24"/>
      <c r="FI58" s="24"/>
      <c r="FJ58" s="24"/>
      <c r="FK58" s="24"/>
      <c r="FL58" s="24"/>
      <c r="FM58" s="24"/>
      <c r="FN58" s="24"/>
      <c r="FO58" s="24"/>
      <c r="FP58" s="24"/>
      <c r="FQ58" s="24"/>
      <c r="FR58" s="24"/>
      <c r="FS58" s="24"/>
      <c r="FT58" s="24"/>
      <c r="FU58" s="24"/>
      <c r="FV58" s="24"/>
      <c r="FW58" s="24"/>
      <c r="FX58" s="24"/>
      <c r="FY58" s="24"/>
      <c r="FZ58" s="24"/>
      <c r="GA58" s="24"/>
      <c r="GB58" s="24"/>
      <c r="GC58" s="24"/>
      <c r="GD58" s="24"/>
      <c r="GE58" s="24"/>
      <c r="GF58" s="24"/>
      <c r="GG58" s="24"/>
      <c r="GH58" s="24"/>
      <c r="GI58" s="24"/>
      <c r="GJ58" s="24"/>
      <c r="GK58" s="24"/>
      <c r="GL58" s="24"/>
      <c r="GM58" s="24"/>
      <c r="GN58" s="24"/>
      <c r="GO58" s="24"/>
      <c r="GP58" s="24"/>
      <c r="GQ58" s="24"/>
      <c r="GR58" s="24"/>
      <c r="GS58" s="24"/>
      <c r="GT58" s="24"/>
      <c r="GU58" s="24"/>
      <c r="GV58" s="24"/>
      <c r="GW58" s="24"/>
      <c r="GX58" s="24"/>
      <c r="GY58" s="24"/>
      <c r="GZ58" s="24"/>
      <c r="HA58" s="24"/>
      <c r="HB58" s="24"/>
      <c r="HC58" s="24"/>
      <c r="HD58" s="24"/>
      <c r="HE58" s="24"/>
      <c r="HF58" s="24"/>
      <c r="HG58" s="24"/>
      <c r="HH58" s="24"/>
      <c r="HI58" s="24"/>
      <c r="HJ58" s="24"/>
      <c r="HK58" s="24"/>
      <c r="HL58" s="24"/>
      <c r="HM58" s="24"/>
      <c r="HN58" s="24"/>
      <c r="HO58" s="24"/>
      <c r="HP58" s="24"/>
      <c r="HQ58" s="24"/>
      <c r="HR58" s="24"/>
      <c r="HS58" s="24"/>
      <c r="HT58" s="24"/>
      <c r="HU58" s="24"/>
      <c r="HV58" s="24"/>
      <c r="HW58" s="24"/>
      <c r="HX58" s="24"/>
      <c r="HY58" s="24"/>
      <c r="HZ58" s="24"/>
      <c r="IA58" s="24"/>
      <c r="IB58" s="24"/>
      <c r="IC58" s="24"/>
      <c r="ID58" s="24"/>
      <c r="IE58" s="24"/>
      <c r="IF58" s="24"/>
      <c r="IG58" s="24"/>
      <c r="IH58" s="24"/>
      <c r="II58" s="24"/>
      <c r="IJ58" s="24"/>
      <c r="IK58" s="24"/>
      <c r="IL58" s="24"/>
      <c r="IM58" s="24"/>
      <c r="IN58" s="24"/>
      <c r="IO58" s="24"/>
      <c r="IP58" s="24"/>
      <c r="IQ58" s="24"/>
      <c r="IR58" s="24"/>
      <c r="IS58" s="24"/>
      <c r="IT58" s="24"/>
      <c r="IU58" s="24"/>
      <c r="IV58" s="24"/>
      <c r="IW58" s="24"/>
      <c r="IX58" s="24"/>
      <c r="IY58" s="24"/>
      <c r="IZ58" s="24"/>
      <c r="JA58" s="24"/>
      <c r="JB58" s="24"/>
      <c r="JC58" s="24"/>
      <c r="JD58" s="24"/>
      <c r="JE58" s="24"/>
      <c r="JF58" s="24"/>
      <c r="JG58" s="24"/>
      <c r="JH58" s="24"/>
      <c r="JI58" s="24"/>
      <c r="JJ58" s="24"/>
      <c r="JK58" s="24"/>
      <c r="JL58" s="24"/>
      <c r="JM58" s="24"/>
      <c r="JN58" s="24"/>
      <c r="JO58" s="24"/>
      <c r="JP58" s="24"/>
      <c r="JQ58" s="24"/>
      <c r="JR58" s="24"/>
      <c r="JS58" s="24"/>
      <c r="JT58" s="24"/>
      <c r="JU58" s="24"/>
      <c r="JV58" s="24"/>
      <c r="JW58" s="24"/>
      <c r="JX58" s="24"/>
      <c r="JY58" s="24"/>
      <c r="JZ58" s="24"/>
      <c r="KA58" s="24"/>
      <c r="KB58" s="24"/>
      <c r="KC58" s="24"/>
      <c r="KD58" s="24"/>
      <c r="KE58" s="24"/>
      <c r="KF58" s="24"/>
      <c r="KG58" s="24"/>
      <c r="KH58" s="24"/>
      <c r="KI58" s="24"/>
      <c r="KJ58" s="24"/>
      <c r="KK58" s="24"/>
      <c r="KL58" s="24"/>
      <c r="KM58" s="24"/>
      <c r="KN58" s="24"/>
      <c r="KO58" s="24"/>
      <c r="KP58" s="24"/>
      <c r="KQ58" s="24"/>
      <c r="KR58" s="24"/>
      <c r="KS58" s="24"/>
      <c r="KT58" s="24"/>
      <c r="KU58" s="24"/>
      <c r="KV58" s="24"/>
      <c r="KW58" s="24"/>
      <c r="KX58" s="24"/>
      <c r="KY58" s="24"/>
      <c r="KZ58" s="24"/>
      <c r="LA58" s="24"/>
      <c r="LB58" s="24"/>
      <c r="LC58" s="24"/>
      <c r="LD58" s="24"/>
      <c r="LE58" s="24"/>
      <c r="LF58" s="24"/>
      <c r="LG58" s="24"/>
      <c r="LH58" s="24"/>
      <c r="LI58" s="24"/>
      <c r="LJ58" s="24"/>
      <c r="LK58" s="24"/>
      <c r="LL58" s="24"/>
      <c r="LM58" s="24"/>
      <c r="LN58" s="24"/>
      <c r="LO58" s="24"/>
      <c r="LP58" s="24"/>
      <c r="LQ58" s="24"/>
      <c r="LR58" s="24"/>
      <c r="LS58" s="24"/>
      <c r="LT58" s="24"/>
      <c r="LU58" s="24"/>
      <c r="LV58" s="24"/>
      <c r="LW58" s="24"/>
      <c r="LX58" s="24"/>
      <c r="LY58" s="24"/>
      <c r="LZ58" s="24"/>
      <c r="MA58" s="24"/>
      <c r="MB58" s="24"/>
      <c r="MC58" s="24"/>
      <c r="MD58" s="24"/>
      <c r="ME58" s="24"/>
      <c r="MF58" s="24"/>
      <c r="MG58" s="24"/>
      <c r="MH58" s="24"/>
      <c r="MI58" s="24"/>
      <c r="MJ58" s="24"/>
      <c r="MK58" s="24"/>
      <c r="ML58" s="24"/>
      <c r="MM58" s="24"/>
      <c r="MN58" s="24"/>
      <c r="MO58" s="24"/>
      <c r="MP58" s="24"/>
      <c r="MQ58" s="24"/>
      <c r="MR58" s="24"/>
      <c r="MS58" s="24"/>
      <c r="MT58" s="24"/>
      <c r="MU58" s="24"/>
      <c r="MV58" s="24"/>
      <c r="MW58" s="24"/>
      <c r="MX58" s="24"/>
      <c r="MY58" s="24"/>
      <c r="MZ58" s="24"/>
      <c r="NA58" s="24"/>
      <c r="NB58" s="24"/>
      <c r="NC58" s="24"/>
      <c r="ND58" s="24"/>
      <c r="NE58" s="24"/>
      <c r="NF58" s="24"/>
      <c r="NG58" s="24"/>
      <c r="NH58" s="24"/>
      <c r="NI58" s="24"/>
      <c r="NJ58" s="24"/>
      <c r="NK58" s="24"/>
      <c r="NL58" s="24"/>
      <c r="NM58" s="24"/>
      <c r="NN58" s="24"/>
      <c r="NO58" s="24"/>
      <c r="NP58" s="24"/>
      <c r="NQ58" s="24"/>
      <c r="NR58" s="24"/>
      <c r="NS58" s="24"/>
      <c r="NT58" s="24"/>
      <c r="NU58" s="24"/>
      <c r="NV58" s="24"/>
      <c r="NW58" s="24"/>
      <c r="NX58" s="24"/>
      <c r="NY58" s="24"/>
      <c r="NZ58" s="24"/>
      <c r="OA58" s="24"/>
      <c r="OB58" s="24"/>
      <c r="OC58" s="24"/>
      <c r="OD58" s="24"/>
      <c r="OE58" s="24"/>
      <c r="OF58" s="24"/>
      <c r="OG58" s="24"/>
      <c r="OH58" s="24"/>
      <c r="OI58" s="24"/>
      <c r="OJ58" s="24"/>
      <c r="OK58" s="24"/>
      <c r="OL58" s="24"/>
      <c r="OM58" s="24"/>
      <c r="ON58" s="24"/>
      <c r="OO58" s="24"/>
      <c r="OP58" s="24"/>
      <c r="OQ58" s="24"/>
      <c r="OR58" s="24"/>
      <c r="OS58" s="24"/>
      <c r="OT58" s="24"/>
      <c r="OU58" s="24"/>
      <c r="OV58" s="24"/>
      <c r="OW58" s="24"/>
      <c r="OX58" s="24"/>
      <c r="OY58" s="24"/>
      <c r="OZ58" s="24"/>
      <c r="PA58" s="24"/>
      <c r="PB58" s="24"/>
      <c r="PC58" s="24"/>
      <c r="PD58" s="24"/>
      <c r="PE58" s="24"/>
      <c r="PF58" s="24"/>
      <c r="PG58" s="24"/>
      <c r="PH58" s="24"/>
      <c r="PI58" s="24"/>
      <c r="PJ58" s="24"/>
      <c r="PK58" s="24"/>
      <c r="PL58" s="24"/>
      <c r="PM58" s="24"/>
      <c r="PN58" s="24"/>
      <c r="PO58" s="24"/>
      <c r="PP58" s="24"/>
      <c r="PQ58" s="24"/>
      <c r="PR58" s="24"/>
      <c r="PS58" s="24"/>
      <c r="PT58" s="24"/>
      <c r="PU58" s="24"/>
      <c r="PV58" s="24"/>
      <c r="PW58" s="24"/>
      <c r="PX58" s="24"/>
      <c r="PY58" s="24"/>
      <c r="PZ58" s="24"/>
      <c r="QA58" s="24"/>
      <c r="QB58" s="24"/>
      <c r="QC58" s="24"/>
      <c r="QD58" s="24"/>
      <c r="QE58" s="24"/>
      <c r="QF58" s="24"/>
      <c r="QG58" s="24"/>
      <c r="QH58" s="24"/>
      <c r="QI58" s="24"/>
      <c r="QJ58" s="24"/>
      <c r="QK58" s="24"/>
      <c r="QL58" s="24"/>
      <c r="QM58" s="24"/>
      <c r="QN58" s="24"/>
      <c r="QO58" s="24"/>
      <c r="QP58" s="24"/>
      <c r="QQ58" s="24"/>
      <c r="QR58" s="24"/>
      <c r="QS58" s="24"/>
      <c r="QT58" s="24"/>
      <c r="QU58" s="24"/>
      <c r="QV58" s="24"/>
      <c r="QW58" s="24"/>
      <c r="QX58" s="24"/>
      <c r="QY58" s="24"/>
      <c r="QZ58" s="24"/>
      <c r="RA58" s="24"/>
      <c r="RB58" s="24"/>
      <c r="RC58" s="24"/>
      <c r="RD58" s="24"/>
      <c r="RE58" s="24"/>
      <c r="RF58" s="24"/>
      <c r="RG58" s="24"/>
      <c r="RH58" s="24"/>
      <c r="RI58" s="24"/>
      <c r="RJ58" s="24"/>
      <c r="RK58" s="24"/>
      <c r="RL58" s="24"/>
      <c r="RM58" s="24"/>
      <c r="RN58" s="24"/>
      <c r="RO58" s="24"/>
      <c r="RP58" s="24"/>
      <c r="RQ58" s="24"/>
      <c r="RR58" s="24"/>
      <c r="RS58" s="24"/>
      <c r="RT58" s="24"/>
      <c r="RU58" s="24"/>
      <c r="RV58" s="24"/>
      <c r="RW58" s="24"/>
      <c r="RX58" s="24"/>
      <c r="RY58" s="24"/>
      <c r="RZ58" s="24"/>
      <c r="SA58" s="24"/>
      <c r="SB58" s="24"/>
      <c r="SC58" s="24"/>
      <c r="SD58" s="24"/>
      <c r="SE58" s="24"/>
      <c r="SF58" s="24"/>
      <c r="SG58" s="24"/>
      <c r="SH58" s="24"/>
      <c r="SI58" s="24"/>
      <c r="SJ58" s="24"/>
      <c r="SK58" s="24"/>
      <c r="SL58" s="24"/>
      <c r="SM58" s="24"/>
      <c r="SN58" s="24"/>
      <c r="SO58" s="24"/>
      <c r="SP58" s="24"/>
      <c r="SQ58" s="24"/>
      <c r="SR58" s="24"/>
      <c r="SS58" s="24"/>
      <c r="ST58" s="24"/>
      <c r="SU58" s="24"/>
      <c r="SV58" s="24"/>
      <c r="SW58" s="24"/>
      <c r="SX58" s="24"/>
      <c r="SY58" s="24"/>
      <c r="SZ58" s="24"/>
      <c r="TA58" s="24"/>
      <c r="TB58" s="24"/>
      <c r="TC58" s="24"/>
      <c r="TD58" s="24"/>
      <c r="TE58" s="24"/>
      <c r="TF58" s="24"/>
      <c r="TG58" s="24"/>
      <c r="TH58" s="24"/>
      <c r="TI58" s="24"/>
      <c r="TJ58" s="24"/>
      <c r="TK58" s="24"/>
      <c r="TL58" s="24"/>
      <c r="TM58" s="24"/>
      <c r="TN58" s="24"/>
      <c r="TO58" s="24"/>
      <c r="TP58" s="24"/>
      <c r="TQ58" s="24"/>
      <c r="TR58" s="24"/>
      <c r="TS58" s="24"/>
      <c r="TT58" s="24"/>
      <c r="TU58" s="24"/>
      <c r="TV58" s="24"/>
      <c r="TW58" s="24"/>
      <c r="TX58" s="24"/>
      <c r="TY58" s="24"/>
      <c r="TZ58" s="24"/>
      <c r="UA58" s="24"/>
      <c r="UB58" s="24"/>
      <c r="UC58" s="24"/>
      <c r="UD58" s="24"/>
      <c r="UE58" s="24"/>
      <c r="UF58" s="24"/>
      <c r="UG58" s="24"/>
      <c r="UH58" s="24"/>
      <c r="UI58" s="24"/>
      <c r="UJ58" s="24"/>
      <c r="UK58" s="24"/>
      <c r="UL58" s="24"/>
      <c r="UM58" s="24"/>
      <c r="UN58" s="24"/>
      <c r="UO58" s="24"/>
      <c r="UP58" s="24"/>
      <c r="UQ58" s="24"/>
      <c r="UR58" s="24"/>
      <c r="US58" s="24"/>
      <c r="UT58" s="24"/>
      <c r="UU58" s="24"/>
      <c r="UV58" s="24"/>
      <c r="UW58" s="24"/>
      <c r="UX58" s="24"/>
      <c r="UY58" s="24"/>
      <c r="UZ58" s="24"/>
      <c r="VA58" s="24"/>
      <c r="VB58" s="24"/>
      <c r="VC58" s="24"/>
      <c r="VD58" s="24"/>
      <c r="VE58" s="24"/>
      <c r="VF58" s="24"/>
      <c r="VG58" s="24"/>
      <c r="VH58" s="24"/>
      <c r="VI58" s="24"/>
      <c r="VJ58" s="24"/>
      <c r="VK58" s="24"/>
      <c r="VL58" s="24"/>
      <c r="VM58" s="24"/>
      <c r="VN58" s="24"/>
      <c r="VO58" s="24"/>
      <c r="VP58" s="24"/>
      <c r="VQ58" s="24"/>
      <c r="VR58" s="24"/>
      <c r="VS58" s="24"/>
      <c r="VT58" s="24"/>
      <c r="VU58" s="24"/>
      <c r="VV58" s="24"/>
      <c r="VW58" s="24"/>
      <c r="VX58" s="24"/>
      <c r="VY58" s="24"/>
      <c r="VZ58" s="24"/>
      <c r="WA58" s="24"/>
      <c r="WB58" s="24"/>
      <c r="WC58" s="24"/>
      <c r="WD58" s="24"/>
      <c r="WE58" s="24"/>
      <c r="WF58" s="24"/>
      <c r="WG58" s="24"/>
      <c r="WH58" s="24"/>
      <c r="WI58" s="24"/>
      <c r="WJ58" s="24"/>
      <c r="WK58" s="24"/>
      <c r="WL58" s="24"/>
      <c r="WM58" s="24"/>
      <c r="WN58" s="24"/>
      <c r="WO58" s="24"/>
      <c r="WP58" s="24"/>
      <c r="WQ58" s="24"/>
      <c r="WR58" s="24"/>
      <c r="WS58" s="24"/>
      <c r="WT58" s="24"/>
      <c r="WU58" s="24"/>
      <c r="WV58" s="24"/>
      <c r="WW58" s="24"/>
      <c r="WX58" s="24"/>
      <c r="WY58" s="24"/>
      <c r="WZ58" s="24"/>
      <c r="XA58" s="24"/>
      <c r="XB58" s="24"/>
      <c r="XC58" s="24"/>
      <c r="XD58" s="24"/>
      <c r="XE58" s="24"/>
      <c r="XF58" s="24"/>
      <c r="XG58" s="24"/>
      <c r="XH58" s="24"/>
      <c r="XI58" s="24"/>
      <c r="XJ58" s="24"/>
      <c r="XK58" s="24"/>
      <c r="XL58" s="24"/>
      <c r="XM58" s="24"/>
      <c r="XN58" s="24"/>
      <c r="XO58" s="24"/>
      <c r="XP58" s="24"/>
      <c r="XQ58" s="24"/>
      <c r="XR58" s="24"/>
      <c r="XS58" s="24"/>
      <c r="XT58" s="24"/>
      <c r="XU58" s="24"/>
      <c r="XV58" s="24"/>
      <c r="XW58" s="24"/>
      <c r="XX58" s="24"/>
      <c r="XY58" s="24"/>
      <c r="XZ58" s="24"/>
      <c r="YA58" s="24"/>
      <c r="YB58" s="24"/>
      <c r="YC58" s="24"/>
      <c r="YD58" s="24"/>
      <c r="YE58" s="24"/>
      <c r="YF58" s="24"/>
      <c r="YG58" s="24"/>
      <c r="YH58" s="24"/>
      <c r="YI58" s="24"/>
      <c r="YJ58" s="24"/>
      <c r="YK58" s="24"/>
      <c r="YL58" s="24"/>
      <c r="YM58" s="24"/>
      <c r="YN58" s="24"/>
      <c r="YO58" s="24"/>
      <c r="YP58" s="24"/>
      <c r="YQ58" s="24"/>
      <c r="YR58" s="24"/>
      <c r="YS58" s="24"/>
      <c r="YT58" s="24"/>
      <c r="YU58" s="24"/>
      <c r="YV58" s="24"/>
      <c r="YW58" s="24"/>
      <c r="YX58" s="24"/>
      <c r="YY58" s="24"/>
      <c r="YZ58" s="24"/>
      <c r="ZA58" s="24"/>
      <c r="ZB58" s="24"/>
      <c r="ZC58" s="24"/>
      <c r="ZD58" s="24"/>
      <c r="ZE58" s="24"/>
      <c r="ZF58" s="24"/>
      <c r="ZG58" s="24"/>
      <c r="ZH58" s="24"/>
      <c r="ZI58" s="24"/>
      <c r="ZJ58" s="24"/>
      <c r="ZK58" s="24"/>
      <c r="ZL58" s="24"/>
      <c r="ZM58" s="24"/>
      <c r="ZN58" s="24"/>
      <c r="ZO58" s="24"/>
      <c r="ZP58" s="24"/>
      <c r="ZQ58" s="24"/>
      <c r="ZR58" s="24"/>
      <c r="ZS58" s="24"/>
      <c r="ZT58" s="24"/>
      <c r="ZU58" s="24"/>
      <c r="ZV58" s="24"/>
      <c r="ZW58" s="24"/>
      <c r="ZX58" s="24"/>
      <c r="ZY58" s="24"/>
      <c r="ZZ58" s="24"/>
      <c r="AAA58" s="24"/>
      <c r="AAB58" s="24"/>
      <c r="AAC58" s="24"/>
      <c r="AAD58" s="24"/>
      <c r="AAE58" s="24"/>
      <c r="AAF58" s="24"/>
      <c r="AAG58" s="24"/>
      <c r="AAH58" s="24"/>
      <c r="AAI58" s="24"/>
      <c r="AAJ58" s="24"/>
      <c r="AAK58" s="24"/>
      <c r="AAL58" s="24"/>
      <c r="AAM58" s="24"/>
      <c r="AAN58" s="24"/>
      <c r="AAO58" s="24"/>
      <c r="AAP58" s="24"/>
      <c r="AAQ58" s="24"/>
      <c r="AAR58" s="24"/>
      <c r="AAS58" s="24"/>
      <c r="AAT58" s="24"/>
      <c r="AAU58" s="24"/>
      <c r="AAV58" s="24"/>
      <c r="AAW58" s="24"/>
      <c r="AAX58" s="24"/>
      <c r="AAY58" s="24"/>
      <c r="AAZ58" s="24"/>
      <c r="ABA58" s="24"/>
      <c r="ABB58" s="24"/>
      <c r="ABC58" s="24"/>
      <c r="ABD58" s="24"/>
      <c r="ABE58" s="24"/>
      <c r="ABF58" s="24"/>
      <c r="ABG58" s="24"/>
      <c r="ABH58" s="24"/>
      <c r="ABI58" s="24"/>
      <c r="ABJ58" s="24"/>
      <c r="ABK58" s="24"/>
      <c r="ABL58" s="24"/>
      <c r="ABM58" s="24"/>
      <c r="ABN58" s="24"/>
      <c r="ABO58" s="24"/>
      <c r="ABP58" s="24"/>
      <c r="ABQ58" s="24"/>
      <c r="ABR58" s="24"/>
      <c r="ABS58" s="24"/>
      <c r="ABT58" s="24"/>
      <c r="ABU58" s="24"/>
      <c r="ABV58" s="24"/>
      <c r="ABW58" s="24"/>
      <c r="ABX58" s="24"/>
      <c r="ABY58" s="24"/>
      <c r="ABZ58" s="24"/>
      <c r="ACA58" s="24"/>
      <c r="ACB58" s="24"/>
      <c r="ACC58" s="24"/>
      <c r="ACD58" s="24"/>
      <c r="ACE58" s="24"/>
      <c r="ACF58" s="24"/>
      <c r="ACG58" s="24"/>
      <c r="ACH58" s="24"/>
      <c r="ACI58" s="24"/>
      <c r="ACJ58" s="24"/>
      <c r="ACK58" s="24"/>
      <c r="ACL58" s="24"/>
      <c r="ACM58" s="24"/>
      <c r="ACN58" s="24"/>
      <c r="ACO58" s="24"/>
      <c r="ACP58" s="24"/>
      <c r="ACQ58" s="24"/>
      <c r="ACR58" s="24"/>
      <c r="ACS58" s="24"/>
      <c r="ACT58" s="24"/>
      <c r="ACU58" s="24"/>
      <c r="ACV58" s="24"/>
      <c r="ACW58" s="24"/>
      <c r="ACX58" s="24"/>
      <c r="ACY58" s="24"/>
      <c r="ACZ58" s="24"/>
      <c r="ADA58" s="24"/>
      <c r="ADB58" s="24"/>
      <c r="ADC58" s="24"/>
      <c r="ADD58" s="24"/>
      <c r="ADE58" s="24"/>
      <c r="ADF58" s="24"/>
      <c r="ADG58" s="24"/>
      <c r="ADH58" s="24"/>
      <c r="ADI58" s="24"/>
      <c r="ADJ58" s="24"/>
      <c r="ADK58" s="24"/>
      <c r="ADL58" s="24"/>
      <c r="ADM58" s="24"/>
      <c r="ADN58" s="24"/>
      <c r="ADO58" s="24"/>
      <c r="ADP58" s="24"/>
      <c r="ADQ58" s="24"/>
      <c r="ADR58" s="24"/>
      <c r="ADS58" s="24"/>
      <c r="ADT58" s="24"/>
      <c r="ADU58" s="24"/>
      <c r="ADV58" s="24"/>
      <c r="ADW58" s="24"/>
      <c r="ADX58" s="24"/>
      <c r="ADY58" s="24"/>
      <c r="ADZ58" s="24"/>
      <c r="AEA58" s="24"/>
      <c r="AEB58" s="24"/>
      <c r="AEC58" s="24"/>
      <c r="AED58" s="24"/>
      <c r="AEE58" s="24"/>
      <c r="AEF58" s="24"/>
      <c r="AEG58" s="24"/>
      <c r="AEH58" s="24"/>
      <c r="AEI58" s="24"/>
      <c r="AEJ58" s="24"/>
      <c r="AEK58" s="24"/>
      <c r="AEL58" s="24"/>
      <c r="AEM58" s="24"/>
      <c r="AEN58" s="24"/>
      <c r="AEO58" s="24"/>
      <c r="AEP58" s="24"/>
      <c r="AEQ58" s="24"/>
      <c r="AER58" s="24"/>
      <c r="AES58" s="24"/>
      <c r="AET58" s="24"/>
      <c r="AEU58" s="24"/>
      <c r="AEV58" s="24"/>
      <c r="AEW58" s="24"/>
      <c r="AEX58" s="24"/>
      <c r="AEY58" s="24"/>
      <c r="AEZ58" s="24"/>
      <c r="AFA58" s="24"/>
      <c r="AFB58" s="24"/>
      <c r="AFC58" s="24"/>
      <c r="AFD58" s="24"/>
      <c r="AFE58" s="24"/>
      <c r="AFF58" s="24"/>
      <c r="AFG58" s="24"/>
      <c r="AFH58" s="24"/>
      <c r="AFI58" s="24"/>
      <c r="AFJ58" s="24"/>
      <c r="AFK58" s="24"/>
      <c r="AFL58" s="24"/>
      <c r="AFM58" s="24"/>
      <c r="AFN58" s="24"/>
      <c r="AFO58" s="24"/>
      <c r="AFP58" s="24"/>
      <c r="AFQ58" s="24"/>
      <c r="AFR58" s="24"/>
      <c r="AFS58" s="24"/>
      <c r="AFT58" s="24"/>
      <c r="AFU58" s="24"/>
      <c r="AFV58" s="24"/>
      <c r="AFW58" s="24"/>
      <c r="AFX58" s="24"/>
      <c r="AFY58" s="24"/>
      <c r="AFZ58" s="24"/>
      <c r="AGA58" s="24"/>
      <c r="AGB58" s="24"/>
      <c r="AGC58" s="24"/>
      <c r="AGD58" s="24"/>
      <c r="AGE58" s="24"/>
      <c r="AGF58" s="24"/>
      <c r="AGG58" s="24"/>
      <c r="AGH58" s="24"/>
      <c r="AGI58" s="24"/>
      <c r="AGJ58" s="24"/>
      <c r="AGK58" s="24"/>
      <c r="AGL58" s="24"/>
      <c r="AGM58" s="24"/>
      <c r="AGN58" s="24"/>
      <c r="AGO58" s="24"/>
      <c r="AGP58" s="24"/>
      <c r="AGQ58" s="24"/>
      <c r="AGR58" s="24"/>
      <c r="AGS58" s="24"/>
      <c r="AGT58" s="24"/>
      <c r="AGU58" s="24"/>
      <c r="AGV58" s="24"/>
      <c r="AGW58" s="24"/>
      <c r="AGX58" s="24"/>
      <c r="AGY58" s="24"/>
      <c r="AGZ58" s="24"/>
      <c r="AHA58" s="24"/>
      <c r="AHB58" s="24"/>
      <c r="AHC58" s="24"/>
      <c r="AHD58" s="24"/>
      <c r="AHE58" s="24"/>
      <c r="AHF58" s="24"/>
      <c r="AHG58" s="24"/>
      <c r="AHH58" s="24"/>
      <c r="AHI58" s="24"/>
      <c r="AHJ58" s="24"/>
      <c r="AHK58" s="24"/>
      <c r="AHL58" s="24"/>
      <c r="AHM58" s="24"/>
      <c r="AHN58" s="24"/>
      <c r="AHO58" s="24"/>
      <c r="AHP58" s="24"/>
      <c r="AHQ58" s="24"/>
      <c r="AHR58" s="24"/>
      <c r="AHS58" s="24"/>
      <c r="AHT58" s="24"/>
      <c r="AHU58" s="24"/>
      <c r="AHV58" s="24"/>
      <c r="AHW58" s="24"/>
      <c r="AHX58" s="24"/>
      <c r="AHY58" s="24"/>
      <c r="AHZ58" s="24"/>
      <c r="AIA58" s="24"/>
      <c r="AIB58" s="24"/>
      <c r="AIC58" s="24"/>
      <c r="AID58" s="24"/>
      <c r="AIE58" s="24"/>
      <c r="AIF58" s="24"/>
      <c r="AIG58" s="24"/>
      <c r="AIH58" s="24"/>
      <c r="AII58" s="24"/>
      <c r="AIJ58" s="24"/>
      <c r="AIK58" s="24"/>
      <c r="AIL58" s="24"/>
      <c r="AIM58" s="24"/>
      <c r="AIN58" s="24"/>
      <c r="AIO58" s="24"/>
      <c r="AIP58" s="24"/>
      <c r="AIQ58" s="24"/>
      <c r="AIR58" s="24"/>
      <c r="AIS58" s="24"/>
      <c r="AIT58" s="24"/>
      <c r="AIU58" s="24"/>
      <c r="AIV58" s="24"/>
      <c r="AIW58" s="24"/>
      <c r="AIX58" s="24"/>
      <c r="AIY58" s="24"/>
      <c r="AIZ58" s="24"/>
      <c r="AJA58" s="24"/>
      <c r="AJB58" s="24"/>
      <c r="AJC58" s="24"/>
      <c r="AJD58" s="24"/>
      <c r="AJE58" s="24"/>
      <c r="AJF58" s="24"/>
      <c r="AJG58" s="24"/>
      <c r="AJH58" s="24"/>
      <c r="AJI58" s="24"/>
      <c r="AJJ58" s="24"/>
      <c r="AJK58" s="24"/>
      <c r="AJL58" s="24"/>
      <c r="AJM58" s="24"/>
      <c r="AJN58" s="24"/>
      <c r="AJO58" s="24"/>
      <c r="AJP58" s="24"/>
      <c r="AJQ58" s="24"/>
      <c r="AJR58" s="24"/>
      <c r="AJS58" s="24"/>
      <c r="AJT58" s="24"/>
      <c r="AJU58" s="24"/>
      <c r="AJV58" s="24"/>
      <c r="AJW58" s="24"/>
      <c r="AJX58" s="24"/>
      <c r="AJY58" s="24"/>
      <c r="AJZ58" s="24"/>
      <c r="AKA58" s="24"/>
      <c r="AKB58" s="24"/>
      <c r="AKC58" s="24"/>
      <c r="AKD58" s="24"/>
      <c r="AKE58" s="24"/>
      <c r="AKF58" s="24"/>
      <c r="AKG58" s="24"/>
      <c r="AKH58" s="24"/>
      <c r="AKI58" s="24"/>
      <c r="AKJ58" s="24"/>
      <c r="AKK58" s="24"/>
      <c r="AKL58" s="24"/>
      <c r="AKM58" s="24"/>
      <c r="AKN58" s="24"/>
      <c r="AKO58" s="24"/>
      <c r="AKP58" s="24"/>
      <c r="AKQ58" s="24"/>
      <c r="AKR58" s="24"/>
      <c r="AKS58" s="24"/>
      <c r="AKT58" s="24"/>
      <c r="AKU58" s="24"/>
      <c r="AKV58" s="24"/>
      <c r="AKW58" s="24"/>
      <c r="AKX58" s="24"/>
      <c r="AKY58" s="24"/>
      <c r="AKZ58" s="24"/>
      <c r="ALA58" s="24"/>
      <c r="ALB58" s="24"/>
      <c r="ALC58" s="24"/>
      <c r="ALD58" s="24"/>
      <c r="ALE58" s="24"/>
      <c r="ALF58" s="24"/>
      <c r="ALG58" s="24"/>
      <c r="ALH58" s="24"/>
      <c r="ALI58" s="24"/>
      <c r="ALJ58" s="24"/>
      <c r="ALK58" s="24"/>
      <c r="ALL58" s="24"/>
      <c r="ALM58" s="24"/>
      <c r="ALN58" s="24"/>
      <c r="ALO58" s="24"/>
      <c r="ALP58" s="24"/>
      <c r="ALQ58" s="24"/>
      <c r="ALR58" s="24"/>
      <c r="ALS58" s="24"/>
      <c r="ALT58" s="24"/>
      <c r="ALU58" s="24"/>
      <c r="ALV58" s="24"/>
      <c r="ALW58" s="24"/>
      <c r="ALX58" s="24"/>
      <c r="ALY58" s="24"/>
      <c r="ALZ58" s="24"/>
      <c r="AMA58" s="24"/>
      <c r="AMB58" s="24"/>
      <c r="AMC58" s="24"/>
    </row>
    <row r="59" spans="1:1017" ht="28.5" x14ac:dyDescent="0.25">
      <c r="A59" s="85">
        <v>49</v>
      </c>
      <c r="B59" s="14">
        <v>1</v>
      </c>
      <c r="C59" s="15" t="s">
        <v>122</v>
      </c>
      <c r="D59" s="15"/>
      <c r="E59" s="15"/>
      <c r="F59" s="27" t="s">
        <v>109</v>
      </c>
      <c r="G59" s="65">
        <v>14</v>
      </c>
      <c r="H59" s="59" t="s">
        <v>148</v>
      </c>
      <c r="I59" s="59" t="s">
        <v>148</v>
      </c>
      <c r="J59" s="28"/>
      <c r="K59" s="70">
        <f t="shared" si="0"/>
        <v>0</v>
      </c>
      <c r="L59" s="72">
        <v>0.08</v>
      </c>
      <c r="M59" s="71">
        <f t="shared" si="1"/>
        <v>0</v>
      </c>
      <c r="N59" s="17">
        <f t="shared" si="2"/>
        <v>0</v>
      </c>
      <c r="O59" s="69">
        <f t="shared" si="3"/>
        <v>0</v>
      </c>
    </row>
    <row r="60" spans="1:1017" ht="28.5" x14ac:dyDescent="0.25">
      <c r="A60" s="86"/>
      <c r="B60" s="35">
        <v>2</v>
      </c>
      <c r="C60" s="38" t="s">
        <v>123</v>
      </c>
      <c r="D60" s="38"/>
      <c r="E60" s="38"/>
      <c r="F60" s="37" t="s">
        <v>109</v>
      </c>
      <c r="G60" s="66">
        <v>14</v>
      </c>
      <c r="H60" s="59" t="s">
        <v>148</v>
      </c>
      <c r="I60" s="59" t="s">
        <v>148</v>
      </c>
      <c r="J60" s="36"/>
      <c r="K60" s="70">
        <f t="shared" si="0"/>
        <v>0</v>
      </c>
      <c r="L60" s="72">
        <v>0.08</v>
      </c>
      <c r="M60" s="71">
        <f t="shared" si="1"/>
        <v>0</v>
      </c>
      <c r="N60" s="17">
        <f t="shared" si="2"/>
        <v>0</v>
      </c>
      <c r="O60" s="69">
        <f t="shared" si="3"/>
        <v>0</v>
      </c>
      <c r="P60" s="40" t="s">
        <v>149</v>
      </c>
      <c r="Q60" s="41"/>
    </row>
    <row r="61" spans="1:1017" ht="57.75" x14ac:dyDescent="0.25">
      <c r="A61" s="77"/>
      <c r="B61" s="78"/>
      <c r="C61" s="42" t="s">
        <v>168</v>
      </c>
      <c r="D61" s="79"/>
      <c r="E61" s="80"/>
      <c r="F61" s="80"/>
      <c r="G61" s="80"/>
      <c r="H61" s="80"/>
      <c r="I61" s="80"/>
      <c r="J61" s="80"/>
      <c r="K61" s="80"/>
      <c r="L61" s="80"/>
      <c r="M61" s="80"/>
      <c r="N61" s="80"/>
      <c r="O61" s="80"/>
      <c r="P61" s="80"/>
      <c r="Q61" s="81"/>
    </row>
    <row r="62" spans="1:1017" ht="38.25" customHeight="1" x14ac:dyDescent="0.25">
      <c r="A62" s="75">
        <v>50</v>
      </c>
      <c r="B62" s="58">
        <v>1</v>
      </c>
      <c r="C62" s="43" t="s">
        <v>125</v>
      </c>
      <c r="D62" s="49"/>
      <c r="E62" s="49"/>
      <c r="F62" s="58" t="s">
        <v>109</v>
      </c>
      <c r="G62" s="75">
        <v>3</v>
      </c>
      <c r="H62" s="75">
        <v>3</v>
      </c>
      <c r="I62" s="62">
        <v>6</v>
      </c>
      <c r="J62" s="58"/>
      <c r="K62" s="67">
        <f>I62*J62</f>
        <v>0</v>
      </c>
      <c r="L62" s="73">
        <v>0.08</v>
      </c>
      <c r="M62" s="68">
        <f>O62-K62</f>
        <v>0</v>
      </c>
      <c r="N62" s="50">
        <f>J62*1.08</f>
        <v>0</v>
      </c>
      <c r="O62" s="68">
        <f>K62*1.08</f>
        <v>0</v>
      </c>
      <c r="P62" s="40" t="s">
        <v>150</v>
      </c>
      <c r="Q62" s="51"/>
    </row>
    <row r="63" spans="1:1017" ht="31.5" x14ac:dyDescent="0.25">
      <c r="A63" s="76">
        <v>51</v>
      </c>
      <c r="B63" s="58">
        <v>1</v>
      </c>
      <c r="C63" s="44" t="s">
        <v>126</v>
      </c>
      <c r="D63" s="45"/>
      <c r="E63" s="45"/>
      <c r="F63" s="46" t="s">
        <v>103</v>
      </c>
      <c r="G63" s="60">
        <v>66</v>
      </c>
      <c r="H63" s="59" t="s">
        <v>148</v>
      </c>
      <c r="I63" s="59" t="s">
        <v>148</v>
      </c>
      <c r="J63" s="58"/>
      <c r="K63" s="67">
        <f>G63*J63</f>
        <v>0</v>
      </c>
      <c r="L63" s="74">
        <v>0.08</v>
      </c>
      <c r="M63" s="68">
        <f>O63-K63</f>
        <v>0</v>
      </c>
      <c r="N63" s="50">
        <f>J63*1.08</f>
        <v>0</v>
      </c>
      <c r="O63" s="68">
        <f>K63*1.08</f>
        <v>0</v>
      </c>
      <c r="P63" s="51"/>
      <c r="Q63" s="51"/>
    </row>
    <row r="64" spans="1:1017" ht="31.5" x14ac:dyDescent="0.25">
      <c r="A64" s="76"/>
      <c r="B64" s="58">
        <v>2</v>
      </c>
      <c r="C64" s="44" t="s">
        <v>127</v>
      </c>
      <c r="D64" s="47"/>
      <c r="E64" s="47"/>
      <c r="F64" s="48" t="s">
        <v>103</v>
      </c>
      <c r="G64" s="61">
        <v>21</v>
      </c>
      <c r="H64" s="59" t="s">
        <v>148</v>
      </c>
      <c r="I64" s="59" t="s">
        <v>148</v>
      </c>
      <c r="J64" s="58"/>
      <c r="K64" s="67">
        <f t="shared" ref="K64:K75" si="4">G64*J64</f>
        <v>0</v>
      </c>
      <c r="L64" s="74">
        <v>0.08</v>
      </c>
      <c r="M64" s="68">
        <f t="shared" ref="M64:M75" si="5">O64-K64</f>
        <v>0</v>
      </c>
      <c r="N64" s="50">
        <f t="shared" ref="N64:N75" si="6">J64*1.08</f>
        <v>0</v>
      </c>
      <c r="O64" s="68">
        <f t="shared" ref="O64:O75" si="7">K64*1.08</f>
        <v>0</v>
      </c>
      <c r="P64" s="40" t="s">
        <v>151</v>
      </c>
      <c r="Q64" s="51"/>
    </row>
    <row r="65" spans="1:17" x14ac:dyDescent="0.25">
      <c r="A65" s="58">
        <v>52</v>
      </c>
      <c r="B65" s="58">
        <v>1</v>
      </c>
      <c r="C65" s="49" t="s">
        <v>128</v>
      </c>
      <c r="D65" s="49"/>
      <c r="E65" s="49"/>
      <c r="F65" s="58" t="s">
        <v>103</v>
      </c>
      <c r="G65" s="62">
        <v>200</v>
      </c>
      <c r="H65" s="59" t="s">
        <v>148</v>
      </c>
      <c r="I65" s="59" t="s">
        <v>148</v>
      </c>
      <c r="J65" s="58"/>
      <c r="K65" s="67">
        <f t="shared" si="4"/>
        <v>0</v>
      </c>
      <c r="L65" s="74">
        <v>0.08</v>
      </c>
      <c r="M65" s="68">
        <f t="shared" si="5"/>
        <v>0</v>
      </c>
      <c r="N65" s="50">
        <f t="shared" si="6"/>
        <v>0</v>
      </c>
      <c r="O65" s="68">
        <f t="shared" si="7"/>
        <v>0</v>
      </c>
      <c r="P65" s="40" t="s">
        <v>152</v>
      </c>
      <c r="Q65" s="51"/>
    </row>
    <row r="66" spans="1:17" ht="29.25" x14ac:dyDescent="0.25">
      <c r="A66" s="87">
        <v>53</v>
      </c>
      <c r="B66" s="58">
        <v>1</v>
      </c>
      <c r="C66" s="52" t="s">
        <v>129</v>
      </c>
      <c r="D66" s="49"/>
      <c r="E66" s="49"/>
      <c r="F66" s="58" t="s">
        <v>109</v>
      </c>
      <c r="G66" s="62">
        <v>75</v>
      </c>
      <c r="H66" s="59" t="s">
        <v>148</v>
      </c>
      <c r="I66" s="59" t="s">
        <v>148</v>
      </c>
      <c r="J66" s="58"/>
      <c r="K66" s="67">
        <f t="shared" si="4"/>
        <v>0</v>
      </c>
      <c r="L66" s="74">
        <v>0.08</v>
      </c>
      <c r="M66" s="68">
        <f t="shared" si="5"/>
        <v>0</v>
      </c>
      <c r="N66" s="50">
        <f t="shared" si="6"/>
        <v>0</v>
      </c>
      <c r="O66" s="68">
        <f t="shared" si="7"/>
        <v>0</v>
      </c>
      <c r="P66" s="51"/>
      <c r="Q66" s="51"/>
    </row>
    <row r="67" spans="1:17" ht="29.25" x14ac:dyDescent="0.25">
      <c r="A67" s="87"/>
      <c r="B67" s="58">
        <v>2</v>
      </c>
      <c r="C67" s="52" t="s">
        <v>130</v>
      </c>
      <c r="D67" s="49"/>
      <c r="E67" s="49"/>
      <c r="F67" s="58" t="s">
        <v>109</v>
      </c>
      <c r="G67" s="62">
        <v>5</v>
      </c>
      <c r="H67" s="59" t="s">
        <v>148</v>
      </c>
      <c r="I67" s="59" t="s">
        <v>148</v>
      </c>
      <c r="J67" s="58"/>
      <c r="K67" s="67">
        <f t="shared" si="4"/>
        <v>0</v>
      </c>
      <c r="L67" s="74">
        <v>0.08</v>
      </c>
      <c r="M67" s="68">
        <f t="shared" si="5"/>
        <v>0</v>
      </c>
      <c r="N67" s="50">
        <f t="shared" si="6"/>
        <v>0</v>
      </c>
      <c r="O67" s="68">
        <f t="shared" si="7"/>
        <v>0</v>
      </c>
      <c r="P67" s="40" t="s">
        <v>153</v>
      </c>
      <c r="Q67" s="51"/>
    </row>
    <row r="68" spans="1:17" ht="15.75" customHeight="1" x14ac:dyDescent="0.25">
      <c r="A68" s="58">
        <v>54</v>
      </c>
      <c r="B68" s="58">
        <v>1</v>
      </c>
      <c r="C68" s="53" t="s">
        <v>131</v>
      </c>
      <c r="D68" s="49"/>
      <c r="E68" s="49"/>
      <c r="F68" s="58" t="s">
        <v>103</v>
      </c>
      <c r="G68" s="62">
        <v>760</v>
      </c>
      <c r="H68" s="59" t="s">
        <v>148</v>
      </c>
      <c r="I68" s="59" t="s">
        <v>148</v>
      </c>
      <c r="J68" s="58"/>
      <c r="K68" s="67">
        <f t="shared" si="4"/>
        <v>0</v>
      </c>
      <c r="L68" s="74">
        <v>0.08</v>
      </c>
      <c r="M68" s="68">
        <f t="shared" si="5"/>
        <v>0</v>
      </c>
      <c r="N68" s="50">
        <f t="shared" si="6"/>
        <v>0</v>
      </c>
      <c r="O68" s="68">
        <f t="shared" si="7"/>
        <v>0</v>
      </c>
      <c r="P68" s="40" t="s">
        <v>154</v>
      </c>
      <c r="Q68" s="51"/>
    </row>
    <row r="69" spans="1:17" ht="29.25" x14ac:dyDescent="0.25">
      <c r="A69" s="58">
        <v>55</v>
      </c>
      <c r="B69" s="58">
        <v>1</v>
      </c>
      <c r="C69" s="53" t="s">
        <v>132</v>
      </c>
      <c r="D69" s="49"/>
      <c r="E69" s="49"/>
      <c r="F69" s="58" t="s">
        <v>109</v>
      </c>
      <c r="G69" s="62">
        <v>200</v>
      </c>
      <c r="H69" s="59" t="s">
        <v>148</v>
      </c>
      <c r="I69" s="59" t="s">
        <v>148</v>
      </c>
      <c r="J69" s="58"/>
      <c r="K69" s="67">
        <f t="shared" si="4"/>
        <v>0</v>
      </c>
      <c r="L69" s="74">
        <v>0.08</v>
      </c>
      <c r="M69" s="68">
        <f t="shared" si="5"/>
        <v>0</v>
      </c>
      <c r="N69" s="50">
        <f t="shared" si="6"/>
        <v>0</v>
      </c>
      <c r="O69" s="68">
        <f t="shared" si="7"/>
        <v>0</v>
      </c>
      <c r="P69" s="40" t="s">
        <v>155</v>
      </c>
      <c r="Q69" s="51"/>
    </row>
    <row r="70" spans="1:17" ht="57.75" x14ac:dyDescent="0.25">
      <c r="A70" s="58">
        <v>56</v>
      </c>
      <c r="B70" s="58">
        <v>1</v>
      </c>
      <c r="C70" s="53" t="s">
        <v>133</v>
      </c>
      <c r="D70" s="49"/>
      <c r="E70" s="49"/>
      <c r="F70" s="58" t="s">
        <v>109</v>
      </c>
      <c r="G70" s="62">
        <v>280</v>
      </c>
      <c r="H70" s="59" t="s">
        <v>148</v>
      </c>
      <c r="I70" s="59" t="s">
        <v>148</v>
      </c>
      <c r="J70" s="58"/>
      <c r="K70" s="67">
        <f t="shared" si="4"/>
        <v>0</v>
      </c>
      <c r="L70" s="74">
        <v>0.08</v>
      </c>
      <c r="M70" s="68">
        <f t="shared" si="5"/>
        <v>0</v>
      </c>
      <c r="N70" s="50">
        <f t="shared" si="6"/>
        <v>0</v>
      </c>
      <c r="O70" s="68">
        <f t="shared" si="7"/>
        <v>0</v>
      </c>
      <c r="P70" s="40" t="s">
        <v>156</v>
      </c>
      <c r="Q70" s="51"/>
    </row>
    <row r="71" spans="1:17" ht="29.25" x14ac:dyDescent="0.25">
      <c r="A71" s="58">
        <v>57</v>
      </c>
      <c r="B71" s="58">
        <v>1</v>
      </c>
      <c r="C71" s="53" t="s">
        <v>134</v>
      </c>
      <c r="D71" s="49"/>
      <c r="E71" s="49"/>
      <c r="F71" s="58" t="s">
        <v>103</v>
      </c>
      <c r="G71" s="62">
        <v>160</v>
      </c>
      <c r="H71" s="59" t="s">
        <v>148</v>
      </c>
      <c r="I71" s="59" t="s">
        <v>148</v>
      </c>
      <c r="J71" s="58"/>
      <c r="K71" s="67">
        <f t="shared" si="4"/>
        <v>0</v>
      </c>
      <c r="L71" s="74">
        <v>0.08</v>
      </c>
      <c r="M71" s="68">
        <f t="shared" si="5"/>
        <v>0</v>
      </c>
      <c r="N71" s="50">
        <f t="shared" si="6"/>
        <v>0</v>
      </c>
      <c r="O71" s="68">
        <f t="shared" si="7"/>
        <v>0</v>
      </c>
      <c r="P71" s="40" t="s">
        <v>157</v>
      </c>
      <c r="Q71" s="51"/>
    </row>
    <row r="72" spans="1:17" x14ac:dyDescent="0.25">
      <c r="A72" s="58">
        <v>58</v>
      </c>
      <c r="B72" s="58">
        <v>1</v>
      </c>
      <c r="C72" s="53" t="s">
        <v>135</v>
      </c>
      <c r="D72" s="49"/>
      <c r="E72" s="49"/>
      <c r="F72" s="58" t="s">
        <v>103</v>
      </c>
      <c r="G72" s="62">
        <v>80</v>
      </c>
      <c r="H72" s="59" t="s">
        <v>148</v>
      </c>
      <c r="I72" s="59" t="s">
        <v>148</v>
      </c>
      <c r="J72" s="58"/>
      <c r="K72" s="67">
        <f t="shared" si="4"/>
        <v>0</v>
      </c>
      <c r="L72" s="74">
        <v>0.08</v>
      </c>
      <c r="M72" s="68">
        <f t="shared" si="5"/>
        <v>0</v>
      </c>
      <c r="N72" s="50">
        <f t="shared" si="6"/>
        <v>0</v>
      </c>
      <c r="O72" s="68">
        <f t="shared" si="7"/>
        <v>0</v>
      </c>
      <c r="P72" s="40" t="s">
        <v>158</v>
      </c>
      <c r="Q72" s="51"/>
    </row>
    <row r="73" spans="1:17" ht="15.75" customHeight="1" x14ac:dyDescent="0.25">
      <c r="A73" s="58">
        <v>59</v>
      </c>
      <c r="B73" s="58">
        <v>1</v>
      </c>
      <c r="C73" s="53" t="s">
        <v>136</v>
      </c>
      <c r="D73" s="49"/>
      <c r="E73" s="49"/>
      <c r="F73" s="58" t="s">
        <v>103</v>
      </c>
      <c r="G73" s="62">
        <v>860</v>
      </c>
      <c r="H73" s="59" t="s">
        <v>148</v>
      </c>
      <c r="I73" s="59" t="s">
        <v>148</v>
      </c>
      <c r="J73" s="58"/>
      <c r="K73" s="67">
        <f t="shared" si="4"/>
        <v>0</v>
      </c>
      <c r="L73" s="74">
        <v>0.08</v>
      </c>
      <c r="M73" s="68">
        <f t="shared" si="5"/>
        <v>0</v>
      </c>
      <c r="N73" s="50">
        <f t="shared" si="6"/>
        <v>0</v>
      </c>
      <c r="O73" s="68">
        <f t="shared" si="7"/>
        <v>0</v>
      </c>
      <c r="P73" s="40" t="s">
        <v>159</v>
      </c>
      <c r="Q73" s="51"/>
    </row>
    <row r="74" spans="1:17" ht="15.75" customHeight="1" x14ac:dyDescent="0.25">
      <c r="A74" s="58">
        <v>60</v>
      </c>
      <c r="B74" s="58">
        <v>1</v>
      </c>
      <c r="C74" s="53" t="s">
        <v>137</v>
      </c>
      <c r="D74" s="49"/>
      <c r="E74" s="49"/>
      <c r="F74" s="58" t="s">
        <v>103</v>
      </c>
      <c r="G74" s="62">
        <v>20</v>
      </c>
      <c r="H74" s="59" t="s">
        <v>148</v>
      </c>
      <c r="I74" s="59" t="s">
        <v>148</v>
      </c>
      <c r="J74" s="58"/>
      <c r="K74" s="67">
        <f t="shared" si="4"/>
        <v>0</v>
      </c>
      <c r="L74" s="74">
        <v>0.08</v>
      </c>
      <c r="M74" s="68">
        <f t="shared" si="5"/>
        <v>0</v>
      </c>
      <c r="N74" s="50">
        <f t="shared" si="6"/>
        <v>0</v>
      </c>
      <c r="O74" s="68">
        <f t="shared" si="7"/>
        <v>0</v>
      </c>
      <c r="P74" s="40" t="s">
        <v>160</v>
      </c>
      <c r="Q74" s="51"/>
    </row>
    <row r="75" spans="1:17" ht="29.25" x14ac:dyDescent="0.25">
      <c r="A75" s="58">
        <v>61</v>
      </c>
      <c r="B75" s="58">
        <v>1</v>
      </c>
      <c r="C75" s="53" t="s">
        <v>138</v>
      </c>
      <c r="D75" s="49"/>
      <c r="E75" s="49"/>
      <c r="F75" s="58" t="s">
        <v>109</v>
      </c>
      <c r="G75" s="62">
        <v>150</v>
      </c>
      <c r="H75" s="59" t="s">
        <v>148</v>
      </c>
      <c r="I75" s="59" t="s">
        <v>148</v>
      </c>
      <c r="J75" s="58"/>
      <c r="K75" s="67">
        <f t="shared" si="4"/>
        <v>0</v>
      </c>
      <c r="L75" s="74">
        <v>0.08</v>
      </c>
      <c r="M75" s="68">
        <f t="shared" si="5"/>
        <v>0</v>
      </c>
      <c r="N75" s="50">
        <f t="shared" si="6"/>
        <v>0</v>
      </c>
      <c r="O75" s="68">
        <f t="shared" si="7"/>
        <v>0</v>
      </c>
      <c r="P75" s="40" t="s">
        <v>161</v>
      </c>
      <c r="Q75" s="51"/>
    </row>
    <row r="76" spans="1:17" ht="29.25" x14ac:dyDescent="0.25">
      <c r="A76" s="75">
        <v>62</v>
      </c>
      <c r="B76" s="58">
        <v>1</v>
      </c>
      <c r="C76" s="53" t="s">
        <v>139</v>
      </c>
      <c r="D76" s="49"/>
      <c r="E76" s="49"/>
      <c r="F76" s="58" t="s">
        <v>109</v>
      </c>
      <c r="G76" s="75">
        <v>3</v>
      </c>
      <c r="H76" s="75">
        <v>3</v>
      </c>
      <c r="I76" s="62">
        <v>6</v>
      </c>
      <c r="J76" s="58"/>
      <c r="K76" s="67">
        <f>I76*J76</f>
        <v>0</v>
      </c>
      <c r="L76" s="74">
        <v>0.08</v>
      </c>
      <c r="M76" s="68">
        <f>O76-K76</f>
        <v>0</v>
      </c>
      <c r="N76" s="50">
        <f>J76*1.08</f>
        <v>0</v>
      </c>
      <c r="O76" s="68">
        <f>K76*1.08</f>
        <v>0</v>
      </c>
      <c r="P76" s="40" t="s">
        <v>162</v>
      </c>
      <c r="Q76" s="51"/>
    </row>
    <row r="77" spans="1:17" ht="29.25" x14ac:dyDescent="0.25">
      <c r="A77" s="75">
        <v>63</v>
      </c>
      <c r="B77" s="58">
        <v>1</v>
      </c>
      <c r="C77" s="53" t="s">
        <v>140</v>
      </c>
      <c r="D77" s="49"/>
      <c r="E77" s="49"/>
      <c r="F77" s="58" t="s">
        <v>103</v>
      </c>
      <c r="G77" s="75">
        <v>1</v>
      </c>
      <c r="H77" s="75">
        <v>1</v>
      </c>
      <c r="I77" s="62">
        <v>2</v>
      </c>
      <c r="J77" s="58"/>
      <c r="K77" s="67">
        <f t="shared" ref="K77:K82" si="8">I77*J77</f>
        <v>0</v>
      </c>
      <c r="L77" s="74">
        <v>0.08</v>
      </c>
      <c r="M77" s="68">
        <f t="shared" ref="M77:M82" si="9">O77-K77</f>
        <v>0</v>
      </c>
      <c r="N77" s="50">
        <f t="shared" ref="N77:N82" si="10">J77*1.08</f>
        <v>0</v>
      </c>
      <c r="O77" s="68">
        <f t="shared" ref="O77:O82" si="11">K77*1.08</f>
        <v>0</v>
      </c>
      <c r="P77" s="40" t="s">
        <v>163</v>
      </c>
      <c r="Q77" s="51"/>
    </row>
    <row r="78" spans="1:17" x14ac:dyDescent="0.25">
      <c r="A78" s="76">
        <v>64</v>
      </c>
      <c r="B78" s="58">
        <v>1</v>
      </c>
      <c r="C78" s="53" t="s">
        <v>141</v>
      </c>
      <c r="D78" s="49"/>
      <c r="E78" s="49"/>
      <c r="F78" s="58" t="s">
        <v>103</v>
      </c>
      <c r="G78" s="75">
        <v>1</v>
      </c>
      <c r="H78" s="75">
        <v>1</v>
      </c>
      <c r="I78" s="62">
        <v>2</v>
      </c>
      <c r="J78" s="58"/>
      <c r="K78" s="67">
        <f t="shared" si="8"/>
        <v>0</v>
      </c>
      <c r="L78" s="74">
        <v>0.08</v>
      </c>
      <c r="M78" s="68">
        <f t="shared" si="9"/>
        <v>0</v>
      </c>
      <c r="N78" s="50">
        <f t="shared" si="10"/>
        <v>0</v>
      </c>
      <c r="O78" s="68">
        <f t="shared" si="11"/>
        <v>0</v>
      </c>
      <c r="P78" s="51"/>
      <c r="Q78" s="51"/>
    </row>
    <row r="79" spans="1:17" x14ac:dyDescent="0.25">
      <c r="A79" s="76"/>
      <c r="B79" s="58">
        <v>2</v>
      </c>
      <c r="C79" s="53" t="s">
        <v>142</v>
      </c>
      <c r="D79" s="49"/>
      <c r="E79" s="49"/>
      <c r="F79" s="58" t="s">
        <v>103</v>
      </c>
      <c r="G79" s="75">
        <v>2</v>
      </c>
      <c r="H79" s="75">
        <v>2</v>
      </c>
      <c r="I79" s="62">
        <v>4</v>
      </c>
      <c r="J79" s="58"/>
      <c r="K79" s="67">
        <f t="shared" si="8"/>
        <v>0</v>
      </c>
      <c r="L79" s="74">
        <v>0.08</v>
      </c>
      <c r="M79" s="68">
        <f t="shared" si="9"/>
        <v>0</v>
      </c>
      <c r="N79" s="50">
        <f t="shared" si="10"/>
        <v>0</v>
      </c>
      <c r="O79" s="68">
        <f t="shared" si="11"/>
        <v>0</v>
      </c>
      <c r="P79" s="51"/>
      <c r="Q79" s="51"/>
    </row>
    <row r="80" spans="1:17" x14ac:dyDescent="0.25">
      <c r="A80" s="76"/>
      <c r="B80" s="58">
        <v>3</v>
      </c>
      <c r="C80" s="53" t="s">
        <v>143</v>
      </c>
      <c r="D80" s="49"/>
      <c r="E80" s="49"/>
      <c r="F80" s="58" t="s">
        <v>103</v>
      </c>
      <c r="G80" s="75">
        <v>6</v>
      </c>
      <c r="H80" s="75">
        <v>6</v>
      </c>
      <c r="I80" s="62">
        <v>12</v>
      </c>
      <c r="J80" s="58"/>
      <c r="K80" s="67">
        <f t="shared" si="8"/>
        <v>0</v>
      </c>
      <c r="L80" s="74">
        <v>0.08</v>
      </c>
      <c r="M80" s="68">
        <f t="shared" si="9"/>
        <v>0</v>
      </c>
      <c r="N80" s="50">
        <f t="shared" si="10"/>
        <v>0</v>
      </c>
      <c r="O80" s="68">
        <f t="shared" si="11"/>
        <v>0</v>
      </c>
      <c r="P80" s="40" t="s">
        <v>164</v>
      </c>
      <c r="Q80" s="51"/>
    </row>
    <row r="81" spans="1:17" ht="29.25" x14ac:dyDescent="0.25">
      <c r="A81" s="75">
        <v>65</v>
      </c>
      <c r="B81" s="58">
        <v>1</v>
      </c>
      <c r="C81" s="53" t="s">
        <v>144</v>
      </c>
      <c r="D81" s="49"/>
      <c r="E81" s="49"/>
      <c r="F81" s="58" t="s">
        <v>109</v>
      </c>
      <c r="G81" s="75">
        <v>14</v>
      </c>
      <c r="H81" s="75">
        <v>14</v>
      </c>
      <c r="I81" s="62">
        <v>28</v>
      </c>
      <c r="J81" s="58"/>
      <c r="K81" s="67">
        <f t="shared" si="8"/>
        <v>0</v>
      </c>
      <c r="L81" s="74">
        <v>0.08</v>
      </c>
      <c r="M81" s="68">
        <f t="shared" si="9"/>
        <v>0</v>
      </c>
      <c r="N81" s="50">
        <f t="shared" si="10"/>
        <v>0</v>
      </c>
      <c r="O81" s="68">
        <f t="shared" si="11"/>
        <v>0</v>
      </c>
      <c r="P81" s="40" t="s">
        <v>165</v>
      </c>
      <c r="Q81" s="51"/>
    </row>
    <row r="82" spans="1:17" ht="29.25" x14ac:dyDescent="0.25">
      <c r="A82" s="75">
        <v>66</v>
      </c>
      <c r="B82" s="58">
        <v>1</v>
      </c>
      <c r="C82" s="53" t="s">
        <v>145</v>
      </c>
      <c r="D82" s="49"/>
      <c r="E82" s="49"/>
      <c r="F82" s="58" t="s">
        <v>109</v>
      </c>
      <c r="G82" s="75">
        <v>44</v>
      </c>
      <c r="H82" s="75">
        <v>44</v>
      </c>
      <c r="I82" s="62">
        <v>88</v>
      </c>
      <c r="J82" s="58"/>
      <c r="K82" s="67">
        <f t="shared" si="8"/>
        <v>0</v>
      </c>
      <c r="L82" s="74">
        <v>0.08</v>
      </c>
      <c r="M82" s="68">
        <f t="shared" si="9"/>
        <v>0</v>
      </c>
      <c r="N82" s="50">
        <f t="shared" si="10"/>
        <v>0</v>
      </c>
      <c r="O82" s="68">
        <f t="shared" si="11"/>
        <v>0</v>
      </c>
      <c r="P82" s="40" t="s">
        <v>166</v>
      </c>
      <c r="Q82" s="51"/>
    </row>
    <row r="83" spans="1:17" ht="15.75" customHeight="1" x14ac:dyDescent="0.25">
      <c r="A83" s="54"/>
      <c r="B83" s="54"/>
      <c r="C83" s="55"/>
      <c r="D83" s="56"/>
      <c r="E83" s="56"/>
      <c r="F83" s="54"/>
      <c r="G83" s="54"/>
      <c r="H83" s="54"/>
      <c r="I83" s="54"/>
      <c r="J83" s="56"/>
      <c r="K83" s="56"/>
      <c r="L83" s="57"/>
      <c r="M83" s="57"/>
      <c r="N83" s="57"/>
      <c r="O83" s="57"/>
      <c r="P83" s="39"/>
      <c r="Q83" s="39"/>
    </row>
    <row r="84" spans="1:17" ht="15.75" customHeight="1" x14ac:dyDescent="0.25">
      <c r="A84" s="54"/>
      <c r="B84" s="54"/>
      <c r="C84" s="56"/>
      <c r="D84" s="56"/>
      <c r="E84" s="56"/>
      <c r="F84" s="54"/>
      <c r="G84" s="54"/>
      <c r="H84" s="54"/>
      <c r="I84" s="54"/>
      <c r="J84" s="56"/>
      <c r="K84" s="56"/>
      <c r="L84" s="57"/>
      <c r="M84" s="57"/>
      <c r="N84" s="57"/>
      <c r="O84" s="57"/>
      <c r="P84" s="39"/>
      <c r="Q84" s="39"/>
    </row>
    <row r="85" spans="1:17" ht="15.75" customHeight="1" x14ac:dyDescent="0.25">
      <c r="A85" s="54"/>
      <c r="B85" s="54"/>
      <c r="C85" s="56"/>
      <c r="D85" s="56"/>
      <c r="E85" s="56"/>
      <c r="F85" s="54"/>
      <c r="G85" s="54"/>
      <c r="H85" s="54"/>
      <c r="I85" s="54"/>
      <c r="J85" s="56"/>
      <c r="K85" s="56"/>
      <c r="L85" s="57"/>
      <c r="M85" s="57"/>
      <c r="N85" s="57"/>
      <c r="O85" s="57"/>
      <c r="P85" s="39"/>
      <c r="Q85" s="39"/>
    </row>
    <row r="86" spans="1:17" ht="15.75" customHeight="1" x14ac:dyDescent="0.25">
      <c r="A86" s="54"/>
      <c r="B86" s="54"/>
      <c r="C86" s="56"/>
      <c r="D86" s="56"/>
      <c r="E86" s="56"/>
      <c r="F86" s="54"/>
      <c r="G86" s="54"/>
      <c r="H86" s="54"/>
      <c r="I86" s="54"/>
      <c r="J86" s="56"/>
      <c r="K86" s="56"/>
      <c r="L86" s="57"/>
      <c r="M86" s="57"/>
      <c r="N86" s="57"/>
      <c r="O86" s="57"/>
      <c r="P86" s="39"/>
      <c r="Q86" s="39"/>
    </row>
    <row r="87" spans="1:17" ht="15.75" customHeight="1" x14ac:dyDescent="0.25">
      <c r="A87" s="54"/>
      <c r="B87" s="54"/>
      <c r="C87" s="56"/>
      <c r="D87" s="56"/>
      <c r="E87" s="56"/>
      <c r="F87" s="54"/>
      <c r="G87" s="54"/>
      <c r="H87" s="54"/>
      <c r="I87" s="54"/>
      <c r="J87" s="56"/>
      <c r="K87" s="56"/>
      <c r="L87" s="57"/>
      <c r="M87" s="57"/>
      <c r="N87" s="57" t="s">
        <v>167</v>
      </c>
      <c r="O87" s="57"/>
      <c r="P87" s="39"/>
      <c r="Q87" s="39"/>
    </row>
    <row r="88" spans="1:17" ht="15.75" customHeight="1" x14ac:dyDescent="0.25">
      <c r="A88" s="54"/>
      <c r="B88" s="54"/>
      <c r="C88" s="56"/>
      <c r="D88" s="56"/>
      <c r="E88" s="56"/>
      <c r="F88" s="54"/>
      <c r="G88" s="54"/>
      <c r="H88" s="54"/>
      <c r="I88" s="54"/>
      <c r="J88" s="56"/>
      <c r="K88" s="56"/>
      <c r="L88" s="57"/>
      <c r="M88" s="57"/>
      <c r="N88" s="57"/>
      <c r="O88" s="57"/>
      <c r="P88" s="39"/>
      <c r="Q88" s="39"/>
    </row>
    <row r="89" spans="1:17" ht="15.75" customHeight="1" x14ac:dyDescent="0.25">
      <c r="A89" s="54"/>
      <c r="B89" s="54"/>
      <c r="C89" s="56"/>
      <c r="D89" s="56"/>
      <c r="E89" s="56"/>
      <c r="F89" s="54"/>
      <c r="G89" s="54"/>
      <c r="H89" s="54"/>
      <c r="I89" s="54"/>
      <c r="J89" s="56"/>
      <c r="K89" s="56"/>
      <c r="L89" s="57"/>
      <c r="M89" s="57"/>
      <c r="N89" s="57"/>
      <c r="O89" s="57"/>
      <c r="P89" s="39"/>
      <c r="Q89" s="39"/>
    </row>
    <row r="90" spans="1:17" ht="15.75" customHeight="1" x14ac:dyDescent="0.25">
      <c r="A90" s="54"/>
      <c r="B90" s="54"/>
      <c r="C90" s="56"/>
      <c r="D90" s="56"/>
      <c r="E90" s="56"/>
      <c r="F90" s="54"/>
      <c r="G90" s="54"/>
      <c r="H90" s="54"/>
      <c r="I90" s="54"/>
      <c r="J90" s="56"/>
      <c r="K90" s="56"/>
      <c r="L90" s="57"/>
      <c r="M90" s="57"/>
      <c r="N90" s="57"/>
      <c r="O90" s="57"/>
      <c r="P90" s="39"/>
      <c r="Q90" s="39"/>
    </row>
    <row r="91" spans="1:17" ht="15.75" customHeight="1" x14ac:dyDescent="0.25">
      <c r="A91" s="54"/>
      <c r="B91" s="54"/>
      <c r="C91" s="56"/>
      <c r="D91" s="56"/>
      <c r="E91" s="56"/>
      <c r="F91" s="54"/>
      <c r="G91" s="54"/>
      <c r="H91" s="54"/>
      <c r="I91" s="54"/>
      <c r="J91" s="56"/>
      <c r="K91" s="56"/>
      <c r="L91" s="57"/>
      <c r="M91" s="57"/>
      <c r="N91" s="57"/>
      <c r="O91" s="57"/>
      <c r="P91" s="39"/>
      <c r="Q91" s="39"/>
    </row>
    <row r="92" spans="1:17" ht="15.75" customHeight="1" x14ac:dyDescent="0.25">
      <c r="A92" s="54"/>
      <c r="B92" s="54"/>
      <c r="C92" s="56"/>
      <c r="D92" s="56"/>
      <c r="E92" s="56"/>
      <c r="F92" s="54"/>
      <c r="G92" s="54"/>
      <c r="H92" s="54"/>
      <c r="I92" s="54"/>
      <c r="J92" s="56"/>
      <c r="K92" s="56"/>
      <c r="L92" s="57"/>
      <c r="M92" s="57"/>
      <c r="N92" s="57"/>
      <c r="O92" s="57"/>
      <c r="P92" s="39"/>
      <c r="Q92" s="39"/>
    </row>
    <row r="93" spans="1:17" ht="15.75" customHeight="1" x14ac:dyDescent="0.25">
      <c r="A93" s="54"/>
      <c r="B93" s="54"/>
      <c r="C93" s="56"/>
      <c r="D93" s="56"/>
      <c r="E93" s="56"/>
      <c r="F93" s="54"/>
      <c r="G93" s="54"/>
      <c r="H93" s="54"/>
      <c r="I93" s="54"/>
      <c r="J93" s="56"/>
      <c r="K93" s="56"/>
      <c r="L93" s="57"/>
      <c r="M93" s="57"/>
      <c r="N93" s="57"/>
      <c r="O93" s="57"/>
      <c r="P93" s="39"/>
      <c r="Q93" s="39"/>
    </row>
    <row r="94" spans="1:17" ht="15.75" customHeight="1" x14ac:dyDescent="0.25">
      <c r="A94" s="54"/>
      <c r="B94" s="54"/>
      <c r="C94" s="56"/>
      <c r="D94" s="56"/>
      <c r="E94" s="56"/>
      <c r="F94" s="54"/>
      <c r="G94" s="54"/>
      <c r="H94" s="54"/>
      <c r="I94" s="54"/>
      <c r="J94" s="56"/>
      <c r="K94" s="56"/>
      <c r="L94" s="57"/>
      <c r="M94" s="57"/>
      <c r="N94" s="57"/>
      <c r="O94" s="57"/>
      <c r="P94" s="39"/>
      <c r="Q94" s="39"/>
    </row>
    <row r="95" spans="1:17" ht="15.75" customHeight="1" x14ac:dyDescent="0.25">
      <c r="A95" s="54"/>
      <c r="B95" s="54"/>
      <c r="C95" s="56"/>
      <c r="D95" s="56"/>
      <c r="E95" s="56"/>
      <c r="F95" s="54"/>
      <c r="G95" s="54"/>
      <c r="H95" s="54"/>
      <c r="I95" s="54"/>
      <c r="J95" s="56"/>
      <c r="K95" s="56"/>
      <c r="L95" s="57"/>
      <c r="M95" s="57"/>
      <c r="N95" s="57"/>
      <c r="O95" s="57"/>
      <c r="P95" s="39"/>
      <c r="Q95" s="39"/>
    </row>
    <row r="96" spans="1:17" ht="15.75" customHeight="1" x14ac:dyDescent="0.25">
      <c r="A96" s="54"/>
      <c r="B96" s="54"/>
      <c r="C96" s="56"/>
      <c r="D96" s="56"/>
      <c r="E96" s="56"/>
      <c r="F96" s="54"/>
      <c r="G96" s="54"/>
      <c r="H96" s="54"/>
      <c r="I96" s="54"/>
      <c r="J96" s="56"/>
      <c r="K96" s="56"/>
      <c r="L96" s="57"/>
      <c r="M96" s="57"/>
      <c r="N96" s="57"/>
      <c r="O96" s="57"/>
      <c r="P96" s="39"/>
      <c r="Q96" s="39"/>
    </row>
    <row r="97" spans="1:17" ht="15.75" customHeight="1" x14ac:dyDescent="0.25">
      <c r="A97" s="54"/>
      <c r="B97" s="54"/>
      <c r="C97" s="56"/>
      <c r="D97" s="56"/>
      <c r="E97" s="56"/>
      <c r="F97" s="54"/>
      <c r="G97" s="54"/>
      <c r="H97" s="54"/>
      <c r="I97" s="54"/>
      <c r="J97" s="56"/>
      <c r="K97" s="56"/>
      <c r="L97" s="57"/>
      <c r="M97" s="57"/>
      <c r="N97" s="57"/>
      <c r="O97" s="57"/>
      <c r="P97" s="39"/>
      <c r="Q97" s="39"/>
    </row>
    <row r="98" spans="1:17" ht="15.75" customHeight="1" x14ac:dyDescent="0.25">
      <c r="A98" s="54"/>
      <c r="B98" s="54"/>
      <c r="C98" s="56"/>
      <c r="D98" s="56"/>
      <c r="E98" s="56"/>
      <c r="F98" s="54"/>
      <c r="G98" s="54"/>
      <c r="H98" s="54"/>
      <c r="I98" s="54"/>
      <c r="J98" s="56"/>
      <c r="K98" s="56"/>
      <c r="L98" s="57"/>
      <c r="M98" s="57"/>
      <c r="N98" s="57"/>
      <c r="O98" s="57"/>
      <c r="P98" s="39"/>
      <c r="Q98" s="39"/>
    </row>
    <row r="99" spans="1:17" ht="15.75" customHeight="1" x14ac:dyDescent="0.25">
      <c r="A99" s="54"/>
      <c r="B99" s="54"/>
      <c r="C99" s="56"/>
      <c r="D99" s="56"/>
      <c r="E99" s="56"/>
      <c r="F99" s="54"/>
      <c r="G99" s="54"/>
      <c r="H99" s="54"/>
      <c r="I99" s="54"/>
      <c r="J99" s="56"/>
      <c r="K99" s="56"/>
      <c r="L99" s="57"/>
      <c r="M99" s="57"/>
      <c r="N99" s="57"/>
      <c r="O99" s="57"/>
      <c r="P99" s="39"/>
      <c r="Q99" s="39"/>
    </row>
    <row r="100" spans="1:17" ht="15.75" customHeight="1" x14ac:dyDescent="0.25">
      <c r="A100" s="54"/>
      <c r="B100" s="54"/>
      <c r="C100" s="56"/>
      <c r="D100" s="56"/>
      <c r="E100" s="56"/>
      <c r="F100" s="54"/>
      <c r="G100" s="54"/>
      <c r="H100" s="54"/>
      <c r="I100" s="54"/>
      <c r="J100" s="56"/>
      <c r="K100" s="56"/>
      <c r="L100" s="57"/>
      <c r="M100" s="57"/>
      <c r="N100" s="57"/>
      <c r="O100" s="57"/>
      <c r="P100" s="39"/>
      <c r="Q100" s="39"/>
    </row>
    <row r="101" spans="1:17" ht="15.75" customHeight="1" x14ac:dyDescent="0.25">
      <c r="A101" s="54"/>
      <c r="B101" s="54"/>
      <c r="C101" s="56"/>
      <c r="D101" s="56"/>
      <c r="E101" s="56"/>
      <c r="F101" s="54"/>
      <c r="G101" s="54"/>
      <c r="H101" s="54"/>
      <c r="I101" s="54"/>
      <c r="J101" s="56"/>
      <c r="K101" s="56"/>
      <c r="L101" s="57"/>
      <c r="M101" s="57"/>
      <c r="N101" s="57"/>
      <c r="O101" s="57"/>
      <c r="P101" s="39"/>
      <c r="Q101" s="39"/>
    </row>
    <row r="102" spans="1:17" ht="15.75" customHeight="1" x14ac:dyDescent="0.25">
      <c r="A102" s="54"/>
      <c r="B102" s="54"/>
      <c r="C102" s="56"/>
      <c r="D102" s="56"/>
      <c r="E102" s="56"/>
      <c r="F102" s="54"/>
      <c r="G102" s="54"/>
      <c r="H102" s="54"/>
      <c r="I102" s="54"/>
      <c r="J102" s="56"/>
      <c r="K102" s="56"/>
      <c r="L102" s="57"/>
      <c r="M102" s="57"/>
      <c r="N102" s="57"/>
      <c r="O102" s="57"/>
      <c r="P102" s="39"/>
      <c r="Q102" s="39"/>
    </row>
    <row r="103" spans="1:17" ht="15.75" customHeight="1" x14ac:dyDescent="0.25">
      <c r="A103" s="54"/>
      <c r="B103" s="54"/>
      <c r="C103" s="56"/>
      <c r="D103" s="56"/>
      <c r="E103" s="56"/>
      <c r="F103" s="54"/>
      <c r="G103" s="54"/>
      <c r="H103" s="54"/>
      <c r="I103" s="54"/>
      <c r="J103" s="56"/>
      <c r="K103" s="56"/>
      <c r="L103" s="57"/>
      <c r="M103" s="57"/>
      <c r="N103" s="57"/>
      <c r="O103" s="57"/>
      <c r="P103" s="39"/>
      <c r="Q103" s="39"/>
    </row>
    <row r="104" spans="1:17" ht="15.75" customHeight="1" x14ac:dyDescent="0.25">
      <c r="A104" s="54"/>
      <c r="B104" s="54"/>
      <c r="C104" s="56"/>
      <c r="D104" s="56"/>
      <c r="E104" s="56"/>
      <c r="F104" s="54"/>
      <c r="G104" s="54"/>
      <c r="H104" s="54"/>
      <c r="I104" s="54"/>
      <c r="J104" s="56"/>
      <c r="K104" s="56"/>
      <c r="L104" s="57"/>
      <c r="M104" s="57"/>
      <c r="N104" s="57"/>
      <c r="O104" s="57"/>
      <c r="P104" s="39"/>
      <c r="Q104" s="39"/>
    </row>
    <row r="105" spans="1:17" ht="15.75" customHeight="1" x14ac:dyDescent="0.25">
      <c r="A105" s="54"/>
      <c r="B105" s="54"/>
      <c r="C105" s="56"/>
      <c r="D105" s="56"/>
      <c r="E105" s="56"/>
      <c r="F105" s="54"/>
      <c r="G105" s="54"/>
      <c r="H105" s="54"/>
      <c r="I105" s="54"/>
      <c r="J105" s="56"/>
      <c r="K105" s="56"/>
      <c r="L105" s="57"/>
      <c r="M105" s="57"/>
      <c r="N105" s="57"/>
      <c r="O105" s="57"/>
      <c r="P105" s="39"/>
      <c r="Q105" s="39"/>
    </row>
    <row r="106" spans="1:17" ht="15.75" customHeight="1" x14ac:dyDescent="0.25">
      <c r="A106" s="54"/>
      <c r="B106" s="54"/>
      <c r="C106" s="56"/>
      <c r="D106" s="56"/>
      <c r="E106" s="56"/>
      <c r="F106" s="54"/>
      <c r="G106" s="54"/>
      <c r="H106" s="54"/>
      <c r="I106" s="54"/>
      <c r="J106" s="56"/>
      <c r="K106" s="56"/>
      <c r="L106" s="57"/>
      <c r="M106" s="57"/>
      <c r="N106" s="57"/>
      <c r="O106" s="57"/>
      <c r="P106" s="39"/>
      <c r="Q106" s="39"/>
    </row>
    <row r="107" spans="1:17" ht="15.75" customHeight="1" x14ac:dyDescent="0.25">
      <c r="A107" s="54"/>
      <c r="B107" s="54"/>
      <c r="C107" s="56"/>
      <c r="D107" s="56"/>
      <c r="E107" s="56"/>
      <c r="F107" s="54"/>
      <c r="G107" s="54"/>
      <c r="H107" s="54"/>
      <c r="I107" s="54"/>
      <c r="J107" s="56"/>
      <c r="K107" s="56"/>
      <c r="L107" s="57"/>
      <c r="M107" s="57"/>
      <c r="N107" s="57"/>
      <c r="O107" s="57"/>
      <c r="P107" s="39"/>
      <c r="Q107" s="39"/>
    </row>
    <row r="108" spans="1:17" ht="15.75" customHeight="1" x14ac:dyDescent="0.25">
      <c r="A108" s="54"/>
      <c r="B108" s="54"/>
      <c r="C108" s="56"/>
      <c r="D108" s="56"/>
      <c r="E108" s="56"/>
      <c r="F108" s="54"/>
      <c r="G108" s="54"/>
      <c r="H108" s="54"/>
      <c r="I108" s="54"/>
      <c r="J108" s="56"/>
      <c r="K108" s="56"/>
      <c r="L108" s="57"/>
      <c r="M108" s="57"/>
      <c r="N108" s="57"/>
      <c r="O108" s="57"/>
      <c r="P108" s="39"/>
      <c r="Q108" s="39"/>
    </row>
    <row r="109" spans="1:17" ht="15.75" customHeight="1" x14ac:dyDescent="0.25">
      <c r="A109" s="54"/>
      <c r="B109" s="54"/>
      <c r="C109" s="56"/>
      <c r="D109" s="56"/>
      <c r="E109" s="56"/>
      <c r="F109" s="54"/>
      <c r="G109" s="54"/>
      <c r="H109" s="54"/>
      <c r="I109" s="54"/>
      <c r="J109" s="56"/>
      <c r="K109" s="56"/>
      <c r="L109" s="57"/>
      <c r="M109" s="57"/>
      <c r="N109" s="57"/>
      <c r="O109" s="57"/>
      <c r="P109" s="39"/>
      <c r="Q109" s="39"/>
    </row>
    <row r="110" spans="1:17" ht="15.75" customHeight="1" x14ac:dyDescent="0.25">
      <c r="A110" s="54"/>
      <c r="B110" s="54"/>
      <c r="C110" s="56"/>
      <c r="D110" s="56"/>
      <c r="E110" s="56"/>
      <c r="F110" s="54"/>
      <c r="G110" s="54"/>
      <c r="H110" s="54"/>
      <c r="I110" s="54"/>
      <c r="J110" s="56"/>
      <c r="K110" s="56"/>
      <c r="L110" s="57"/>
      <c r="M110" s="57"/>
      <c r="N110" s="57"/>
      <c r="O110" s="57"/>
      <c r="P110" s="39"/>
      <c r="Q110" s="39"/>
    </row>
    <row r="111" spans="1:17" ht="15.75" customHeight="1" x14ac:dyDescent="0.25">
      <c r="A111" s="54"/>
      <c r="B111" s="54"/>
      <c r="C111" s="56"/>
      <c r="D111" s="56"/>
      <c r="E111" s="56"/>
      <c r="F111" s="54"/>
      <c r="G111" s="54"/>
      <c r="H111" s="54"/>
      <c r="I111" s="54"/>
      <c r="J111" s="56"/>
      <c r="K111" s="56"/>
      <c r="L111" s="57"/>
      <c r="M111" s="57"/>
      <c r="N111" s="57"/>
      <c r="O111" s="57"/>
      <c r="P111" s="39"/>
      <c r="Q111" s="39"/>
    </row>
    <row r="112" spans="1:17" ht="15.75" customHeight="1" x14ac:dyDescent="0.25">
      <c r="A112" s="54"/>
      <c r="B112" s="54"/>
      <c r="C112" s="56"/>
      <c r="D112" s="56"/>
      <c r="E112" s="56"/>
      <c r="F112" s="54"/>
      <c r="G112" s="54"/>
      <c r="H112" s="54"/>
      <c r="I112" s="54"/>
      <c r="J112" s="56"/>
      <c r="K112" s="56"/>
      <c r="L112" s="57"/>
      <c r="M112" s="57"/>
      <c r="N112" s="57"/>
      <c r="O112" s="57"/>
      <c r="P112" s="39"/>
      <c r="Q112" s="39"/>
    </row>
    <row r="113" spans="1:17" ht="15.75" customHeight="1" x14ac:dyDescent="0.25">
      <c r="A113" s="54"/>
      <c r="B113" s="54"/>
      <c r="C113" s="56"/>
      <c r="D113" s="56"/>
      <c r="E113" s="56"/>
      <c r="F113" s="54"/>
      <c r="G113" s="54"/>
      <c r="H113" s="54"/>
      <c r="I113" s="54"/>
      <c r="J113" s="56"/>
      <c r="K113" s="56"/>
      <c r="L113" s="57"/>
      <c r="M113" s="57"/>
      <c r="N113" s="57"/>
      <c r="O113" s="57"/>
      <c r="P113" s="39"/>
      <c r="Q113" s="39"/>
    </row>
    <row r="114" spans="1:17" ht="15.75" customHeight="1" x14ac:dyDescent="0.25">
      <c r="A114" s="54"/>
      <c r="B114" s="54"/>
      <c r="C114" s="56"/>
      <c r="D114" s="56"/>
      <c r="E114" s="56"/>
      <c r="F114" s="54"/>
      <c r="G114" s="54"/>
      <c r="H114" s="54"/>
      <c r="I114" s="54"/>
      <c r="J114" s="56"/>
      <c r="K114" s="56"/>
      <c r="L114" s="57"/>
      <c r="M114" s="57"/>
      <c r="N114" s="57"/>
      <c r="O114" s="57"/>
      <c r="P114" s="39"/>
      <c r="Q114" s="39"/>
    </row>
    <row r="115" spans="1:17" ht="15.75" customHeight="1" x14ac:dyDescent="0.25">
      <c r="A115" s="54"/>
      <c r="B115" s="54"/>
      <c r="C115" s="56"/>
      <c r="D115" s="56"/>
      <c r="E115" s="56"/>
      <c r="F115" s="54"/>
      <c r="G115" s="54"/>
      <c r="H115" s="54"/>
      <c r="I115" s="54"/>
      <c r="J115" s="56"/>
      <c r="K115" s="56"/>
      <c r="L115" s="57"/>
      <c r="M115" s="57"/>
      <c r="N115" s="57"/>
      <c r="O115" s="57"/>
      <c r="P115" s="39"/>
      <c r="Q115" s="39"/>
    </row>
    <row r="116" spans="1:17" ht="15.75" customHeight="1" x14ac:dyDescent="0.25">
      <c r="A116" s="54"/>
      <c r="B116" s="54"/>
      <c r="C116" s="56"/>
      <c r="D116" s="56"/>
      <c r="E116" s="56"/>
      <c r="F116" s="54"/>
      <c r="G116" s="54"/>
      <c r="H116" s="54"/>
      <c r="I116" s="54"/>
      <c r="J116" s="56"/>
      <c r="K116" s="56"/>
      <c r="L116" s="57"/>
      <c r="M116" s="57"/>
      <c r="N116" s="57"/>
      <c r="O116" s="57"/>
      <c r="P116" s="39"/>
      <c r="Q116" s="39"/>
    </row>
    <row r="117" spans="1:17" ht="15.75" customHeight="1" x14ac:dyDescent="0.25">
      <c r="A117" s="54"/>
      <c r="B117" s="54"/>
      <c r="C117" s="56"/>
      <c r="D117" s="56"/>
      <c r="E117" s="56"/>
      <c r="F117" s="54"/>
      <c r="G117" s="54"/>
      <c r="H117" s="54"/>
      <c r="I117" s="54"/>
      <c r="J117" s="56"/>
      <c r="K117" s="56"/>
      <c r="L117" s="57"/>
      <c r="M117" s="57"/>
      <c r="N117" s="57"/>
      <c r="O117" s="57"/>
      <c r="P117" s="39"/>
      <c r="Q117" s="39"/>
    </row>
    <row r="118" spans="1:17" ht="15.75" customHeight="1" x14ac:dyDescent="0.25">
      <c r="A118" s="30"/>
      <c r="B118" s="30"/>
      <c r="C118" s="31"/>
      <c r="D118" s="31"/>
      <c r="E118" s="31"/>
      <c r="F118" s="30"/>
      <c r="G118" s="30"/>
      <c r="H118" s="30"/>
      <c r="I118" s="30"/>
      <c r="J118" s="31"/>
      <c r="K118" s="31"/>
      <c r="L118" s="29"/>
      <c r="M118" s="29"/>
      <c r="N118" s="29"/>
      <c r="O118" s="29"/>
    </row>
    <row r="119" spans="1:17" ht="15.75" customHeight="1" x14ac:dyDescent="0.25">
      <c r="A119" s="30"/>
      <c r="B119" s="30"/>
      <c r="C119" s="31"/>
      <c r="D119" s="31"/>
      <c r="E119" s="31"/>
      <c r="F119" s="30"/>
      <c r="G119" s="30"/>
      <c r="H119" s="30"/>
      <c r="I119" s="30"/>
      <c r="J119" s="31"/>
      <c r="K119" s="31"/>
      <c r="L119" s="29"/>
      <c r="M119" s="29"/>
      <c r="N119" s="29"/>
      <c r="O119" s="29"/>
    </row>
    <row r="120" spans="1:17" ht="15.75" customHeight="1" x14ac:dyDescent="0.25">
      <c r="A120" s="30"/>
      <c r="B120" s="30"/>
      <c r="C120" s="31"/>
      <c r="D120" s="31"/>
      <c r="E120" s="31"/>
      <c r="F120" s="30"/>
      <c r="G120" s="30"/>
      <c r="H120" s="30"/>
      <c r="I120" s="30"/>
      <c r="J120" s="31"/>
      <c r="K120" s="31"/>
      <c r="L120" s="29"/>
      <c r="M120" s="29"/>
      <c r="N120" s="29"/>
      <c r="O120" s="29"/>
    </row>
    <row r="121" spans="1:17" ht="15.75" customHeight="1" x14ac:dyDescent="0.25">
      <c r="A121" s="30"/>
      <c r="B121" s="30"/>
      <c r="C121" s="31"/>
      <c r="D121" s="31"/>
      <c r="E121" s="31"/>
      <c r="F121" s="30"/>
      <c r="G121" s="30"/>
      <c r="H121" s="30"/>
      <c r="I121" s="30"/>
      <c r="J121" s="31"/>
      <c r="K121" s="31"/>
      <c r="L121" s="29"/>
      <c r="M121" s="29"/>
      <c r="N121" s="29"/>
      <c r="O121" s="29"/>
    </row>
    <row r="122" spans="1:17" ht="15.75" customHeight="1" x14ac:dyDescent="0.25">
      <c r="A122" s="30"/>
      <c r="B122" s="30"/>
      <c r="C122" s="31"/>
      <c r="D122" s="31"/>
      <c r="E122" s="31"/>
      <c r="F122" s="30"/>
      <c r="G122" s="30"/>
      <c r="H122" s="30"/>
      <c r="I122" s="30"/>
      <c r="J122" s="31"/>
      <c r="K122" s="31"/>
      <c r="L122" s="29"/>
      <c r="M122" s="29"/>
      <c r="N122" s="29"/>
      <c r="O122" s="29"/>
    </row>
    <row r="123" spans="1:17" ht="15.75" customHeight="1" x14ac:dyDescent="0.25">
      <c r="A123" s="30"/>
      <c r="B123" s="30"/>
      <c r="C123" s="31"/>
      <c r="D123" s="31"/>
      <c r="E123" s="31"/>
      <c r="F123" s="30"/>
      <c r="G123" s="30"/>
      <c r="H123" s="30"/>
      <c r="I123" s="30"/>
      <c r="J123" s="31"/>
      <c r="K123" s="31"/>
      <c r="L123" s="29"/>
      <c r="M123" s="29"/>
      <c r="N123" s="29"/>
      <c r="O123" s="29"/>
    </row>
    <row r="124" spans="1:17" ht="15.75" customHeight="1" x14ac:dyDescent="0.25">
      <c r="A124" s="30"/>
      <c r="B124" s="30"/>
      <c r="C124" s="31"/>
      <c r="D124" s="31"/>
      <c r="E124" s="31"/>
      <c r="F124" s="30"/>
      <c r="G124" s="30"/>
      <c r="H124" s="30"/>
      <c r="I124" s="30"/>
      <c r="J124" s="31"/>
      <c r="K124" s="31"/>
      <c r="L124" s="29"/>
      <c r="M124" s="29"/>
      <c r="N124" s="29"/>
      <c r="O124" s="29"/>
    </row>
    <row r="125" spans="1:17" ht="15.75" customHeight="1" x14ac:dyDescent="0.25">
      <c r="A125" s="30"/>
      <c r="B125" s="30"/>
      <c r="C125" s="31"/>
      <c r="D125" s="31"/>
      <c r="E125" s="31"/>
      <c r="F125" s="30"/>
      <c r="G125" s="30"/>
      <c r="H125" s="30"/>
      <c r="I125" s="30"/>
      <c r="J125" s="31"/>
      <c r="K125" s="31"/>
      <c r="L125" s="29"/>
      <c r="M125" s="29"/>
      <c r="N125" s="29"/>
      <c r="O125" s="29"/>
    </row>
    <row r="126" spans="1:17" ht="15.75" customHeight="1" x14ac:dyDescent="0.25">
      <c r="A126" s="30"/>
      <c r="B126" s="30"/>
      <c r="C126" s="31"/>
      <c r="D126" s="31"/>
      <c r="E126" s="31"/>
      <c r="F126" s="30"/>
      <c r="G126" s="30"/>
      <c r="H126" s="30"/>
      <c r="I126" s="30"/>
      <c r="J126" s="31"/>
      <c r="K126" s="31"/>
      <c r="L126" s="29"/>
      <c r="M126" s="29"/>
      <c r="N126" s="29"/>
      <c r="O126" s="29"/>
    </row>
    <row r="127" spans="1:17" ht="15.75" customHeight="1" x14ac:dyDescent="0.25">
      <c r="A127" s="30"/>
      <c r="B127" s="30"/>
      <c r="C127" s="31"/>
      <c r="D127" s="31"/>
      <c r="E127" s="31"/>
      <c r="F127" s="30"/>
      <c r="G127" s="30"/>
      <c r="H127" s="30"/>
      <c r="I127" s="30"/>
      <c r="J127" s="31"/>
      <c r="K127" s="31"/>
      <c r="L127" s="29"/>
      <c r="M127" s="29"/>
      <c r="N127" s="29"/>
      <c r="O127" s="29"/>
    </row>
    <row r="128" spans="1:17" ht="15.75" customHeight="1" x14ac:dyDescent="0.25">
      <c r="A128" s="30"/>
      <c r="B128" s="30"/>
      <c r="C128" s="31"/>
      <c r="D128" s="31"/>
      <c r="E128" s="31"/>
      <c r="F128" s="30"/>
      <c r="G128" s="30"/>
      <c r="H128" s="30"/>
      <c r="I128" s="30"/>
      <c r="J128" s="31"/>
      <c r="K128" s="31"/>
      <c r="L128" s="29"/>
      <c r="M128" s="29"/>
      <c r="N128" s="29"/>
      <c r="O128" s="29"/>
    </row>
    <row r="129" spans="1:15" ht="15.75" customHeight="1" x14ac:dyDescent="0.25">
      <c r="A129" s="30"/>
      <c r="B129" s="30"/>
      <c r="C129" s="31"/>
      <c r="D129" s="31"/>
      <c r="E129" s="31"/>
      <c r="F129" s="30"/>
      <c r="G129" s="30"/>
      <c r="H129" s="30"/>
      <c r="I129" s="30"/>
      <c r="J129" s="31"/>
      <c r="K129" s="31"/>
      <c r="L129" s="29"/>
      <c r="M129" s="29"/>
      <c r="N129" s="29"/>
      <c r="O129" s="29"/>
    </row>
    <row r="130" spans="1:15" ht="15.75" customHeight="1" x14ac:dyDescent="0.25">
      <c r="A130" s="30"/>
      <c r="B130" s="30"/>
      <c r="C130" s="31"/>
      <c r="D130" s="31"/>
      <c r="E130" s="31"/>
      <c r="F130" s="30"/>
      <c r="G130" s="30"/>
      <c r="H130" s="30"/>
      <c r="I130" s="30"/>
      <c r="J130" s="31"/>
      <c r="K130" s="31"/>
      <c r="L130" s="29"/>
      <c r="M130" s="29"/>
      <c r="N130" s="29"/>
      <c r="O130" s="29"/>
    </row>
    <row r="131" spans="1:15" ht="15.75" customHeight="1" x14ac:dyDescent="0.25">
      <c r="A131" s="30"/>
      <c r="B131" s="30"/>
      <c r="C131" s="31"/>
      <c r="D131" s="31"/>
      <c r="E131" s="31"/>
      <c r="F131" s="30"/>
      <c r="G131" s="30"/>
      <c r="H131" s="30"/>
      <c r="I131" s="30"/>
      <c r="J131" s="31"/>
      <c r="K131" s="31"/>
      <c r="L131" s="29"/>
      <c r="M131" s="29"/>
      <c r="N131" s="29"/>
      <c r="O131" s="29"/>
    </row>
    <row r="132" spans="1:15" ht="15.75" customHeight="1" x14ac:dyDescent="0.25">
      <c r="A132" s="30"/>
      <c r="B132" s="30"/>
      <c r="C132" s="31"/>
      <c r="D132" s="31"/>
      <c r="E132" s="31"/>
      <c r="F132" s="30"/>
      <c r="G132" s="30"/>
      <c r="H132" s="30"/>
      <c r="I132" s="30"/>
      <c r="J132" s="31"/>
      <c r="K132" s="31"/>
      <c r="L132" s="29"/>
      <c r="M132" s="29"/>
      <c r="N132" s="29"/>
      <c r="O132" s="29"/>
    </row>
    <row r="133" spans="1:15" ht="15.75" customHeight="1" x14ac:dyDescent="0.25">
      <c r="A133" s="30"/>
      <c r="B133" s="30"/>
      <c r="C133" s="31"/>
      <c r="D133" s="31"/>
      <c r="E133" s="31"/>
      <c r="F133" s="30"/>
      <c r="G133" s="30"/>
      <c r="H133" s="30"/>
      <c r="I133" s="30"/>
      <c r="J133" s="31"/>
      <c r="K133" s="31"/>
      <c r="L133" s="29"/>
      <c r="M133" s="29"/>
      <c r="N133" s="29"/>
      <c r="O133" s="29"/>
    </row>
    <row r="134" spans="1:15" ht="15.75" customHeight="1" x14ac:dyDescent="0.25">
      <c r="A134" s="30"/>
      <c r="B134" s="30"/>
      <c r="C134" s="31"/>
      <c r="D134" s="31"/>
      <c r="E134" s="31"/>
      <c r="F134" s="30"/>
      <c r="G134" s="30"/>
      <c r="H134" s="30"/>
      <c r="I134" s="30"/>
      <c r="J134" s="31"/>
      <c r="K134" s="31"/>
      <c r="L134" s="29"/>
      <c r="M134" s="29"/>
      <c r="N134" s="29"/>
      <c r="O134" s="29"/>
    </row>
    <row r="135" spans="1:15" ht="15.75" customHeight="1" x14ac:dyDescent="0.25">
      <c r="A135" s="30"/>
      <c r="B135" s="30"/>
      <c r="C135" s="31"/>
      <c r="D135" s="31"/>
      <c r="E135" s="31"/>
      <c r="F135" s="30"/>
      <c r="G135" s="30"/>
      <c r="H135" s="30"/>
      <c r="I135" s="30"/>
      <c r="J135" s="31"/>
      <c r="K135" s="31"/>
      <c r="L135" s="29"/>
      <c r="M135" s="29"/>
      <c r="N135" s="29"/>
      <c r="O135" s="29"/>
    </row>
    <row r="136" spans="1:15" ht="15.75" customHeight="1" x14ac:dyDescent="0.25">
      <c r="A136" s="30"/>
      <c r="B136" s="30"/>
      <c r="C136" s="31"/>
      <c r="D136" s="31"/>
      <c r="E136" s="31"/>
      <c r="F136" s="30"/>
      <c r="G136" s="30"/>
      <c r="H136" s="30"/>
      <c r="I136" s="30"/>
      <c r="J136" s="31"/>
      <c r="K136" s="31"/>
      <c r="L136" s="29"/>
      <c r="M136" s="29"/>
      <c r="N136" s="29"/>
      <c r="O136" s="29"/>
    </row>
    <row r="137" spans="1:15" ht="15.75" customHeight="1" x14ac:dyDescent="0.25">
      <c r="A137" s="30"/>
      <c r="B137" s="30"/>
      <c r="C137" s="31"/>
      <c r="D137" s="31"/>
      <c r="E137" s="31"/>
      <c r="F137" s="30"/>
      <c r="G137" s="30"/>
      <c r="H137" s="30"/>
      <c r="I137" s="30"/>
      <c r="J137" s="31"/>
      <c r="K137" s="31"/>
      <c r="L137" s="29"/>
      <c r="M137" s="29"/>
      <c r="N137" s="29"/>
      <c r="O137" s="29"/>
    </row>
    <row r="138" spans="1:15" ht="15.75" customHeight="1" x14ac:dyDescent="0.25">
      <c r="A138" s="30"/>
      <c r="B138" s="30"/>
      <c r="C138" s="31"/>
      <c r="D138" s="31"/>
      <c r="E138" s="31"/>
      <c r="F138" s="30"/>
      <c r="G138" s="30"/>
      <c r="H138" s="30"/>
      <c r="I138" s="30"/>
      <c r="J138" s="31"/>
      <c r="K138" s="31"/>
      <c r="L138" s="29"/>
      <c r="M138" s="29"/>
      <c r="N138" s="29"/>
      <c r="O138" s="29"/>
    </row>
    <row r="139" spans="1:15" ht="15.75" customHeight="1" x14ac:dyDescent="0.25">
      <c r="A139" s="30"/>
      <c r="B139" s="30"/>
      <c r="C139" s="31"/>
      <c r="D139" s="31"/>
      <c r="E139" s="31"/>
      <c r="F139" s="30"/>
      <c r="G139" s="30"/>
      <c r="H139" s="30"/>
      <c r="I139" s="30"/>
      <c r="J139" s="31"/>
      <c r="K139" s="31"/>
      <c r="L139" s="29"/>
      <c r="M139" s="29"/>
      <c r="N139" s="29"/>
      <c r="O139" s="29"/>
    </row>
    <row r="140" spans="1:15" ht="15.75" customHeight="1" x14ac:dyDescent="0.25">
      <c r="A140" s="30"/>
      <c r="B140" s="30"/>
      <c r="C140" s="31"/>
      <c r="D140" s="31"/>
      <c r="E140" s="31"/>
      <c r="F140" s="30"/>
      <c r="G140" s="30"/>
      <c r="H140" s="30"/>
      <c r="I140" s="30"/>
      <c r="J140" s="31"/>
      <c r="K140" s="31"/>
      <c r="L140" s="29"/>
      <c r="M140" s="29"/>
      <c r="N140" s="29"/>
      <c r="O140" s="29"/>
    </row>
    <row r="141" spans="1:15" ht="15.75" customHeight="1" x14ac:dyDescent="0.25">
      <c r="A141" s="30"/>
      <c r="B141" s="30"/>
      <c r="C141" s="31"/>
      <c r="D141" s="31"/>
      <c r="E141" s="31"/>
      <c r="F141" s="30"/>
      <c r="G141" s="30"/>
      <c r="H141" s="30"/>
      <c r="I141" s="30"/>
      <c r="J141" s="31"/>
      <c r="K141" s="31"/>
      <c r="L141" s="29"/>
      <c r="M141" s="29"/>
      <c r="N141" s="29"/>
      <c r="O141" s="29"/>
    </row>
    <row r="142" spans="1:15" ht="15.75" customHeight="1" x14ac:dyDescent="0.25">
      <c r="A142" s="30"/>
      <c r="B142" s="30"/>
      <c r="C142" s="31"/>
      <c r="D142" s="31"/>
      <c r="E142" s="31"/>
      <c r="F142" s="30"/>
      <c r="G142" s="30"/>
      <c r="H142" s="30"/>
      <c r="I142" s="30"/>
      <c r="J142" s="31"/>
      <c r="K142" s="31"/>
      <c r="L142" s="29"/>
      <c r="M142" s="29"/>
      <c r="N142" s="29"/>
      <c r="O142" s="29"/>
    </row>
    <row r="143" spans="1:15" ht="15.75" customHeight="1" x14ac:dyDescent="0.25">
      <c r="A143" s="30"/>
      <c r="B143" s="30"/>
      <c r="C143" s="31"/>
      <c r="D143" s="31"/>
      <c r="E143" s="31"/>
      <c r="F143" s="30"/>
      <c r="G143" s="30"/>
      <c r="H143" s="30"/>
      <c r="I143" s="30"/>
      <c r="J143" s="31"/>
      <c r="K143" s="31"/>
      <c r="L143" s="29"/>
      <c r="M143" s="29"/>
      <c r="N143" s="29"/>
      <c r="O143" s="29"/>
    </row>
    <row r="144" spans="1:15" ht="15.75" customHeight="1" x14ac:dyDescent="0.25">
      <c r="A144" s="30"/>
      <c r="B144" s="30"/>
      <c r="C144" s="31"/>
      <c r="D144" s="31"/>
      <c r="E144" s="31"/>
      <c r="F144" s="30"/>
      <c r="G144" s="30"/>
      <c r="H144" s="30"/>
      <c r="I144" s="30"/>
      <c r="J144" s="31"/>
      <c r="K144" s="31"/>
      <c r="L144" s="29"/>
      <c r="M144" s="29"/>
      <c r="N144" s="29"/>
      <c r="O144" s="29"/>
    </row>
    <row r="145" spans="1:15" ht="15.75" customHeight="1" x14ac:dyDescent="0.25">
      <c r="A145" s="30"/>
      <c r="B145" s="30"/>
      <c r="C145" s="31"/>
      <c r="D145" s="31"/>
      <c r="E145" s="31"/>
      <c r="F145" s="30"/>
      <c r="G145" s="30"/>
      <c r="H145" s="30"/>
      <c r="I145" s="30"/>
      <c r="J145" s="31"/>
      <c r="K145" s="31"/>
      <c r="L145" s="29"/>
      <c r="M145" s="29"/>
      <c r="N145" s="29"/>
      <c r="O145" s="29"/>
    </row>
    <row r="146" spans="1:15" ht="15.75" customHeight="1" x14ac:dyDescent="0.25">
      <c r="A146" s="30"/>
      <c r="B146" s="30"/>
      <c r="C146" s="31"/>
      <c r="D146" s="31"/>
      <c r="E146" s="31"/>
      <c r="F146" s="30"/>
      <c r="G146" s="30"/>
      <c r="H146" s="30"/>
      <c r="I146" s="30"/>
      <c r="J146" s="31"/>
      <c r="K146" s="31"/>
      <c r="L146" s="29"/>
      <c r="M146" s="29"/>
      <c r="N146" s="29"/>
      <c r="O146" s="29"/>
    </row>
    <row r="147" spans="1:15" ht="15.75" customHeight="1" x14ac:dyDescent="0.25">
      <c r="A147" s="30"/>
      <c r="B147" s="30"/>
      <c r="C147" s="31"/>
      <c r="D147" s="31"/>
      <c r="E147" s="31"/>
      <c r="F147" s="30"/>
      <c r="G147" s="30"/>
      <c r="H147" s="30"/>
      <c r="I147" s="30"/>
      <c r="J147" s="31"/>
      <c r="K147" s="31"/>
      <c r="L147" s="29"/>
      <c r="M147" s="29"/>
      <c r="N147" s="29"/>
      <c r="O147" s="29"/>
    </row>
    <row r="148" spans="1:15" ht="15.75" customHeight="1" x14ac:dyDescent="0.25">
      <c r="A148" s="30"/>
      <c r="B148" s="30"/>
      <c r="C148" s="31"/>
      <c r="D148" s="31"/>
      <c r="E148" s="31"/>
      <c r="F148" s="30"/>
      <c r="G148" s="30"/>
      <c r="H148" s="30"/>
      <c r="I148" s="30"/>
      <c r="J148" s="31"/>
      <c r="K148" s="31"/>
      <c r="L148" s="29"/>
      <c r="M148" s="29"/>
      <c r="N148" s="29"/>
      <c r="O148" s="29"/>
    </row>
    <row r="149" spans="1:15" ht="15.75" customHeight="1" x14ac:dyDescent="0.25">
      <c r="A149" s="30"/>
      <c r="B149" s="30"/>
      <c r="C149" s="31"/>
      <c r="D149" s="31"/>
      <c r="E149" s="31"/>
      <c r="F149" s="30"/>
      <c r="G149" s="30"/>
      <c r="H149" s="30"/>
      <c r="I149" s="30"/>
      <c r="J149" s="31"/>
      <c r="K149" s="31"/>
      <c r="L149" s="29"/>
      <c r="M149" s="29"/>
      <c r="N149" s="29"/>
      <c r="O149" s="29"/>
    </row>
    <row r="150" spans="1:15" ht="15.75" customHeight="1" x14ac:dyDescent="0.25">
      <c r="A150" s="30"/>
      <c r="B150" s="30"/>
      <c r="C150" s="31"/>
      <c r="D150" s="31"/>
      <c r="E150" s="31"/>
      <c r="F150" s="30"/>
      <c r="G150" s="30"/>
      <c r="H150" s="30"/>
      <c r="I150" s="30"/>
      <c r="J150" s="31"/>
      <c r="K150" s="31"/>
      <c r="L150" s="29"/>
      <c r="M150" s="29"/>
      <c r="N150" s="29"/>
      <c r="O150" s="29"/>
    </row>
    <row r="151" spans="1:15" ht="15.75" customHeight="1" x14ac:dyDescent="0.25">
      <c r="A151" s="30"/>
      <c r="B151" s="30"/>
      <c r="C151" s="31"/>
      <c r="D151" s="31"/>
      <c r="E151" s="31"/>
      <c r="F151" s="30"/>
      <c r="G151" s="30"/>
      <c r="H151" s="30"/>
      <c r="I151" s="30"/>
      <c r="J151" s="31"/>
      <c r="K151" s="31"/>
      <c r="L151" s="29"/>
      <c r="M151" s="29"/>
      <c r="N151" s="29"/>
      <c r="O151" s="29"/>
    </row>
    <row r="152" spans="1:15" ht="15.75" customHeight="1" x14ac:dyDescent="0.25">
      <c r="A152" s="30"/>
      <c r="B152" s="30"/>
      <c r="C152" s="31"/>
      <c r="D152" s="31"/>
      <c r="E152" s="31"/>
      <c r="F152" s="30"/>
      <c r="G152" s="30"/>
      <c r="H152" s="30"/>
      <c r="I152" s="30"/>
      <c r="J152" s="31"/>
      <c r="K152" s="31"/>
      <c r="L152" s="29"/>
      <c r="M152" s="29"/>
      <c r="N152" s="29"/>
      <c r="O152" s="29"/>
    </row>
    <row r="153" spans="1:15" ht="15.75" customHeight="1" x14ac:dyDescent="0.25">
      <c r="A153" s="30"/>
      <c r="B153" s="30"/>
      <c r="C153" s="31"/>
      <c r="D153" s="31"/>
      <c r="E153" s="31"/>
      <c r="F153" s="30"/>
      <c r="G153" s="30"/>
      <c r="H153" s="30"/>
      <c r="I153" s="30"/>
      <c r="J153" s="31"/>
      <c r="K153" s="31"/>
      <c r="L153" s="29"/>
      <c r="M153" s="29"/>
      <c r="N153" s="29"/>
      <c r="O153" s="29"/>
    </row>
    <row r="154" spans="1:15" ht="15.75" customHeight="1" x14ac:dyDescent="0.25">
      <c r="A154" s="30"/>
      <c r="B154" s="30"/>
      <c r="C154" s="31"/>
      <c r="D154" s="31"/>
      <c r="E154" s="31"/>
      <c r="F154" s="30"/>
      <c r="G154" s="30"/>
      <c r="H154" s="30"/>
      <c r="I154" s="30"/>
      <c r="J154" s="31"/>
      <c r="K154" s="31"/>
      <c r="L154" s="29"/>
      <c r="M154" s="29"/>
      <c r="N154" s="29"/>
      <c r="O154" s="29"/>
    </row>
    <row r="155" spans="1:15" ht="15.75" customHeight="1" x14ac:dyDescent="0.25">
      <c r="A155" s="30"/>
      <c r="B155" s="30"/>
      <c r="C155" s="31"/>
      <c r="D155" s="31"/>
      <c r="E155" s="31"/>
      <c r="F155" s="30"/>
      <c r="G155" s="30"/>
      <c r="H155" s="30"/>
      <c r="I155" s="30"/>
      <c r="J155" s="31"/>
      <c r="K155" s="31"/>
      <c r="L155" s="29"/>
      <c r="M155" s="29"/>
      <c r="N155" s="29"/>
      <c r="O155" s="29"/>
    </row>
    <row r="156" spans="1:15" ht="15.75" customHeight="1" x14ac:dyDescent="0.25">
      <c r="A156" s="30"/>
      <c r="B156" s="30"/>
      <c r="C156" s="31"/>
      <c r="D156" s="31"/>
      <c r="E156" s="31"/>
      <c r="F156" s="30"/>
      <c r="G156" s="30"/>
      <c r="H156" s="30"/>
      <c r="I156" s="30"/>
      <c r="J156" s="31"/>
      <c r="K156" s="31"/>
      <c r="L156" s="29"/>
      <c r="M156" s="29"/>
      <c r="N156" s="29"/>
      <c r="O156" s="29"/>
    </row>
    <row r="157" spans="1:15" ht="15.75" customHeight="1" x14ac:dyDescent="0.25">
      <c r="A157" s="30"/>
      <c r="B157" s="30"/>
      <c r="C157" s="31"/>
      <c r="D157" s="31"/>
      <c r="E157" s="31"/>
      <c r="F157" s="30"/>
      <c r="G157" s="30"/>
      <c r="H157" s="30"/>
      <c r="I157" s="30"/>
      <c r="J157" s="31"/>
      <c r="K157" s="31"/>
      <c r="L157" s="29"/>
      <c r="M157" s="29"/>
      <c r="N157" s="29"/>
      <c r="O157" s="29"/>
    </row>
    <row r="158" spans="1:15" ht="15.75" customHeight="1" x14ac:dyDescent="0.25">
      <c r="A158" s="30"/>
      <c r="B158" s="30"/>
      <c r="C158" s="31"/>
      <c r="D158" s="31"/>
      <c r="E158" s="31"/>
      <c r="F158" s="30"/>
      <c r="G158" s="30"/>
      <c r="H158" s="30"/>
      <c r="I158" s="30"/>
      <c r="J158" s="31"/>
      <c r="K158" s="31"/>
      <c r="L158" s="29"/>
      <c r="M158" s="29"/>
      <c r="N158" s="29"/>
      <c r="O158" s="29"/>
    </row>
    <row r="159" spans="1:15" ht="15.75" customHeight="1" x14ac:dyDescent="0.25">
      <c r="A159" s="30"/>
      <c r="B159" s="30"/>
      <c r="C159" s="31"/>
      <c r="D159" s="31"/>
      <c r="E159" s="31"/>
      <c r="F159" s="30"/>
      <c r="G159" s="30"/>
      <c r="H159" s="30"/>
      <c r="I159" s="30"/>
      <c r="J159" s="31"/>
      <c r="K159" s="31"/>
      <c r="L159" s="29"/>
      <c r="M159" s="29"/>
      <c r="N159" s="29"/>
      <c r="O159" s="29"/>
    </row>
    <row r="160" spans="1:15" ht="15.75" customHeight="1" x14ac:dyDescent="0.25">
      <c r="A160" s="30"/>
      <c r="B160" s="30"/>
      <c r="C160" s="31"/>
      <c r="D160" s="31"/>
      <c r="E160" s="31"/>
      <c r="F160" s="30"/>
      <c r="G160" s="30"/>
      <c r="H160" s="30"/>
      <c r="I160" s="30"/>
      <c r="J160" s="31"/>
      <c r="K160" s="31"/>
      <c r="L160" s="29"/>
      <c r="M160" s="29"/>
      <c r="N160" s="29"/>
      <c r="O160" s="29"/>
    </row>
    <row r="161" spans="1:15" ht="15.75" customHeight="1" x14ac:dyDescent="0.25">
      <c r="A161" s="30"/>
      <c r="B161" s="30"/>
      <c r="C161" s="31"/>
      <c r="D161" s="31"/>
      <c r="E161" s="31"/>
      <c r="F161" s="30"/>
      <c r="G161" s="30"/>
      <c r="H161" s="30"/>
      <c r="I161" s="30"/>
      <c r="J161" s="31"/>
      <c r="K161" s="31"/>
      <c r="L161" s="29"/>
      <c r="M161" s="29"/>
      <c r="N161" s="29"/>
      <c r="O161" s="29"/>
    </row>
    <row r="162" spans="1:15" ht="15.75" customHeight="1" x14ac:dyDescent="0.25">
      <c r="A162" s="30"/>
      <c r="B162" s="30"/>
      <c r="C162" s="31"/>
      <c r="D162" s="31"/>
      <c r="E162" s="31"/>
      <c r="F162" s="30"/>
      <c r="G162" s="30"/>
      <c r="H162" s="30"/>
      <c r="I162" s="30"/>
      <c r="J162" s="31"/>
      <c r="K162" s="31"/>
      <c r="L162" s="29"/>
      <c r="M162" s="29"/>
      <c r="N162" s="29"/>
      <c r="O162" s="29"/>
    </row>
    <row r="163" spans="1:15" ht="15.75" customHeight="1" x14ac:dyDescent="0.25">
      <c r="A163" s="30"/>
      <c r="B163" s="30"/>
      <c r="C163" s="31"/>
      <c r="D163" s="31"/>
      <c r="E163" s="31"/>
      <c r="F163" s="30"/>
      <c r="G163" s="30"/>
      <c r="H163" s="30"/>
      <c r="I163" s="30"/>
      <c r="J163" s="31"/>
      <c r="K163" s="31"/>
      <c r="L163" s="29"/>
      <c r="M163" s="29"/>
      <c r="N163" s="29"/>
      <c r="O163" s="29"/>
    </row>
    <row r="164" spans="1:15" ht="15.75" customHeight="1" x14ac:dyDescent="0.25">
      <c r="A164" s="30"/>
      <c r="B164" s="30"/>
      <c r="C164" s="31"/>
      <c r="D164" s="31"/>
      <c r="E164" s="31"/>
      <c r="F164" s="30"/>
      <c r="G164" s="30"/>
      <c r="H164" s="30"/>
      <c r="I164" s="30"/>
      <c r="J164" s="31"/>
      <c r="K164" s="31"/>
      <c r="L164" s="29"/>
      <c r="M164" s="29"/>
      <c r="N164" s="29"/>
      <c r="O164" s="29"/>
    </row>
    <row r="165" spans="1:15" ht="15.75" customHeight="1" x14ac:dyDescent="0.25">
      <c r="A165" s="30"/>
      <c r="B165" s="30"/>
      <c r="C165" s="31"/>
      <c r="D165" s="31"/>
      <c r="E165" s="31"/>
      <c r="F165" s="30"/>
      <c r="G165" s="30"/>
      <c r="H165" s="30"/>
      <c r="I165" s="30"/>
      <c r="J165" s="31"/>
      <c r="K165" s="31"/>
      <c r="L165" s="29"/>
      <c r="M165" s="29"/>
      <c r="N165" s="29"/>
      <c r="O165" s="29"/>
    </row>
    <row r="166" spans="1:15" ht="15.75" customHeight="1" x14ac:dyDescent="0.25">
      <c r="A166" s="30"/>
      <c r="B166" s="30"/>
      <c r="C166" s="31"/>
      <c r="D166" s="31"/>
      <c r="E166" s="31"/>
      <c r="F166" s="30"/>
      <c r="G166" s="30"/>
      <c r="H166" s="30"/>
      <c r="I166" s="30"/>
      <c r="J166" s="31"/>
      <c r="K166" s="31"/>
      <c r="L166" s="29"/>
      <c r="M166" s="29"/>
      <c r="N166" s="29"/>
      <c r="O166" s="29"/>
    </row>
    <row r="167" spans="1:15" ht="15.75" customHeight="1" x14ac:dyDescent="0.25">
      <c r="A167" s="30"/>
      <c r="B167" s="30"/>
      <c r="C167" s="31"/>
      <c r="D167" s="31"/>
      <c r="E167" s="31"/>
      <c r="F167" s="30"/>
      <c r="G167" s="30"/>
      <c r="H167" s="30"/>
      <c r="I167" s="30"/>
      <c r="J167" s="31"/>
      <c r="K167" s="31"/>
      <c r="L167" s="29"/>
      <c r="M167" s="29"/>
      <c r="N167" s="29"/>
      <c r="O167" s="29"/>
    </row>
    <row r="168" spans="1:15" ht="15.75" customHeight="1" x14ac:dyDescent="0.25">
      <c r="A168" s="30"/>
      <c r="B168" s="30"/>
      <c r="C168" s="31"/>
      <c r="D168" s="31"/>
      <c r="E168" s="31"/>
      <c r="F168" s="30"/>
      <c r="G168" s="30"/>
      <c r="H168" s="30"/>
      <c r="I168" s="30"/>
      <c r="J168" s="31"/>
      <c r="K168" s="31"/>
      <c r="L168" s="29"/>
      <c r="M168" s="29"/>
      <c r="N168" s="29"/>
      <c r="O168" s="29"/>
    </row>
    <row r="169" spans="1:15" ht="15.75" customHeight="1" x14ac:dyDescent="0.25">
      <c r="A169" s="30"/>
      <c r="B169" s="30"/>
      <c r="C169" s="31"/>
      <c r="D169" s="31"/>
      <c r="E169" s="31"/>
      <c r="F169" s="30"/>
      <c r="G169" s="30"/>
      <c r="H169" s="30"/>
      <c r="I169" s="30"/>
      <c r="J169" s="31"/>
      <c r="K169" s="31"/>
      <c r="L169" s="29"/>
      <c r="M169" s="29"/>
      <c r="N169" s="29"/>
      <c r="O169" s="29"/>
    </row>
    <row r="170" spans="1:15" ht="15.75" customHeight="1" x14ac:dyDescent="0.25">
      <c r="A170" s="30"/>
      <c r="B170" s="30"/>
      <c r="C170" s="31"/>
      <c r="D170" s="31"/>
      <c r="E170" s="31"/>
      <c r="F170" s="30"/>
      <c r="G170" s="30"/>
      <c r="H170" s="30"/>
      <c r="I170" s="30"/>
      <c r="J170" s="31"/>
      <c r="K170" s="31"/>
      <c r="L170" s="29"/>
      <c r="M170" s="29"/>
      <c r="N170" s="29"/>
      <c r="O170" s="29"/>
    </row>
    <row r="171" spans="1:15" ht="15.75" customHeight="1" x14ac:dyDescent="0.25">
      <c r="A171" s="30"/>
      <c r="B171" s="30"/>
      <c r="C171" s="31"/>
      <c r="D171" s="31"/>
      <c r="E171" s="31"/>
      <c r="F171" s="30"/>
      <c r="G171" s="30"/>
      <c r="H171" s="30"/>
      <c r="I171" s="30"/>
      <c r="J171" s="31"/>
      <c r="K171" s="31"/>
      <c r="L171" s="29"/>
      <c r="M171" s="29"/>
      <c r="N171" s="29"/>
      <c r="O171" s="29"/>
    </row>
    <row r="172" spans="1:15" ht="15.75" customHeight="1" x14ac:dyDescent="0.25">
      <c r="A172" s="30"/>
      <c r="B172" s="30"/>
      <c r="C172" s="31"/>
      <c r="D172" s="31"/>
      <c r="E172" s="31"/>
      <c r="F172" s="30"/>
      <c r="G172" s="30"/>
      <c r="H172" s="30"/>
      <c r="I172" s="30"/>
      <c r="J172" s="31"/>
      <c r="K172" s="31"/>
      <c r="L172" s="29"/>
      <c r="M172" s="29"/>
      <c r="N172" s="29"/>
      <c r="O172" s="29"/>
    </row>
    <row r="173" spans="1:15" ht="15.75" customHeight="1" x14ac:dyDescent="0.25">
      <c r="A173" s="30"/>
      <c r="B173" s="30"/>
      <c r="C173" s="31"/>
      <c r="D173" s="31"/>
      <c r="E173" s="31"/>
      <c r="F173" s="30"/>
      <c r="G173" s="30"/>
      <c r="H173" s="30"/>
      <c r="I173" s="30"/>
      <c r="J173" s="31"/>
      <c r="K173" s="31"/>
      <c r="L173" s="29"/>
      <c r="M173" s="29"/>
      <c r="N173" s="29"/>
      <c r="O173" s="29"/>
    </row>
    <row r="174" spans="1:15" ht="15.75" customHeight="1" x14ac:dyDescent="0.25">
      <c r="A174" s="30"/>
      <c r="B174" s="30"/>
      <c r="C174" s="31"/>
      <c r="D174" s="31"/>
      <c r="E174" s="31"/>
      <c r="F174" s="30"/>
      <c r="G174" s="30"/>
      <c r="H174" s="30"/>
      <c r="I174" s="30"/>
      <c r="J174" s="31"/>
      <c r="K174" s="31"/>
      <c r="L174" s="29"/>
      <c r="M174" s="29"/>
      <c r="N174" s="29"/>
      <c r="O174" s="29"/>
    </row>
    <row r="175" spans="1:15" ht="15.75" customHeight="1" x14ac:dyDescent="0.25">
      <c r="A175" s="30"/>
      <c r="B175" s="30"/>
      <c r="C175" s="31"/>
      <c r="D175" s="31"/>
      <c r="E175" s="31"/>
      <c r="F175" s="30"/>
      <c r="G175" s="30"/>
      <c r="H175" s="30"/>
      <c r="I175" s="30"/>
      <c r="J175" s="31"/>
      <c r="K175" s="31"/>
      <c r="L175" s="29"/>
      <c r="M175" s="29"/>
      <c r="N175" s="29"/>
      <c r="O175" s="29"/>
    </row>
    <row r="176" spans="1:15" ht="15.75" customHeight="1" x14ac:dyDescent="0.25">
      <c r="A176" s="30"/>
      <c r="B176" s="30"/>
      <c r="C176" s="31"/>
      <c r="D176" s="31"/>
      <c r="E176" s="31"/>
      <c r="F176" s="30"/>
      <c r="G176" s="30"/>
      <c r="H176" s="30"/>
      <c r="I176" s="30"/>
      <c r="J176" s="31"/>
      <c r="K176" s="31"/>
      <c r="L176" s="29"/>
      <c r="M176" s="29"/>
      <c r="N176" s="29"/>
      <c r="O176" s="29"/>
    </row>
    <row r="177" spans="1:15" ht="15.75" customHeight="1" x14ac:dyDescent="0.25">
      <c r="A177" s="30"/>
      <c r="B177" s="30"/>
      <c r="C177" s="31"/>
      <c r="D177" s="31"/>
      <c r="E177" s="31"/>
      <c r="F177" s="30"/>
      <c r="G177" s="30"/>
      <c r="H177" s="30"/>
      <c r="I177" s="30"/>
      <c r="J177" s="31"/>
      <c r="K177" s="31"/>
      <c r="L177" s="29"/>
      <c r="M177" s="29"/>
      <c r="N177" s="29"/>
      <c r="O177" s="29"/>
    </row>
    <row r="178" spans="1:15" ht="15.75" customHeight="1" x14ac:dyDescent="0.25">
      <c r="A178" s="30"/>
      <c r="B178" s="30"/>
      <c r="C178" s="31"/>
      <c r="D178" s="31"/>
      <c r="E178" s="31"/>
      <c r="F178" s="30"/>
      <c r="G178" s="30"/>
      <c r="H178" s="30"/>
      <c r="I178" s="30"/>
      <c r="J178" s="31"/>
      <c r="K178" s="31"/>
      <c r="L178" s="29"/>
      <c r="M178" s="29"/>
      <c r="N178" s="29"/>
      <c r="O178" s="29"/>
    </row>
    <row r="179" spans="1:15" ht="15.75" customHeight="1" x14ac:dyDescent="0.25">
      <c r="A179" s="30"/>
      <c r="B179" s="30"/>
      <c r="C179" s="31"/>
      <c r="D179" s="31"/>
      <c r="E179" s="31"/>
      <c r="F179" s="30"/>
      <c r="G179" s="30"/>
      <c r="H179" s="30"/>
      <c r="I179" s="30"/>
      <c r="J179" s="31"/>
      <c r="K179" s="31"/>
      <c r="L179" s="29"/>
      <c r="M179" s="29"/>
      <c r="N179" s="29"/>
      <c r="O179" s="29"/>
    </row>
    <row r="180" spans="1:15" ht="15.75" customHeight="1" x14ac:dyDescent="0.25">
      <c r="A180" s="30"/>
      <c r="B180" s="30"/>
      <c r="C180" s="31"/>
      <c r="D180" s="31"/>
      <c r="E180" s="31"/>
      <c r="F180" s="30"/>
      <c r="G180" s="30"/>
      <c r="H180" s="30"/>
      <c r="I180" s="30"/>
      <c r="J180" s="31"/>
      <c r="K180" s="31"/>
      <c r="L180" s="29"/>
      <c r="M180" s="29"/>
      <c r="N180" s="29"/>
      <c r="O180" s="29"/>
    </row>
    <row r="181" spans="1:15" ht="15.75" customHeight="1" x14ac:dyDescent="0.25">
      <c r="A181" s="30"/>
      <c r="B181" s="30"/>
      <c r="C181" s="31"/>
      <c r="D181" s="31"/>
      <c r="E181" s="31"/>
      <c r="F181" s="30"/>
      <c r="G181" s="30"/>
      <c r="H181" s="30"/>
      <c r="I181" s="30"/>
      <c r="J181" s="31"/>
      <c r="K181" s="31"/>
      <c r="L181" s="29"/>
      <c r="M181" s="29"/>
      <c r="N181" s="29"/>
      <c r="O181" s="29"/>
    </row>
    <row r="182" spans="1:15" ht="15.75" customHeight="1" x14ac:dyDescent="0.25">
      <c r="A182" s="30"/>
      <c r="B182" s="30"/>
      <c r="C182" s="31"/>
      <c r="D182" s="31"/>
      <c r="E182" s="31"/>
      <c r="F182" s="30"/>
      <c r="G182" s="30"/>
      <c r="H182" s="30"/>
      <c r="I182" s="30"/>
      <c r="J182" s="31"/>
      <c r="K182" s="31"/>
      <c r="L182" s="29"/>
      <c r="M182" s="29"/>
      <c r="N182" s="29"/>
      <c r="O182" s="29"/>
    </row>
    <row r="183" spans="1:15" ht="15.75" customHeight="1" x14ac:dyDescent="0.25">
      <c r="A183" s="30"/>
      <c r="B183" s="30"/>
      <c r="C183" s="31"/>
      <c r="D183" s="31"/>
      <c r="E183" s="31"/>
      <c r="F183" s="30"/>
      <c r="G183" s="30"/>
      <c r="H183" s="30"/>
      <c r="I183" s="30"/>
      <c r="J183" s="31"/>
      <c r="K183" s="31"/>
      <c r="L183" s="29"/>
      <c r="M183" s="29"/>
      <c r="N183" s="29"/>
      <c r="O183" s="29"/>
    </row>
    <row r="184" spans="1:15" ht="15.75" customHeight="1" x14ac:dyDescent="0.25">
      <c r="A184" s="30"/>
      <c r="B184" s="30"/>
      <c r="C184" s="31"/>
      <c r="D184" s="31"/>
      <c r="E184" s="31"/>
      <c r="F184" s="30"/>
      <c r="G184" s="30"/>
      <c r="H184" s="30"/>
      <c r="I184" s="30"/>
      <c r="J184" s="31"/>
      <c r="K184" s="31"/>
      <c r="L184" s="29"/>
      <c r="M184" s="29"/>
      <c r="N184" s="29"/>
      <c r="O184" s="29"/>
    </row>
    <row r="185" spans="1:15" ht="15.75" customHeight="1" x14ac:dyDescent="0.25">
      <c r="A185" s="30"/>
      <c r="B185" s="30"/>
      <c r="C185" s="31"/>
      <c r="D185" s="31"/>
      <c r="E185" s="31"/>
      <c r="F185" s="30"/>
      <c r="G185" s="30"/>
      <c r="H185" s="30"/>
      <c r="I185" s="30"/>
      <c r="J185" s="31"/>
      <c r="K185" s="31"/>
      <c r="L185" s="29"/>
      <c r="M185" s="29"/>
      <c r="N185" s="29"/>
      <c r="O185" s="29"/>
    </row>
    <row r="186" spans="1:15" ht="15.75" customHeight="1" x14ac:dyDescent="0.25">
      <c r="A186" s="30"/>
      <c r="B186" s="30"/>
      <c r="C186" s="31"/>
      <c r="D186" s="31"/>
      <c r="E186" s="31"/>
      <c r="F186" s="30"/>
      <c r="G186" s="30"/>
      <c r="H186" s="30"/>
      <c r="I186" s="30"/>
      <c r="J186" s="31"/>
      <c r="K186" s="31"/>
      <c r="L186" s="29"/>
      <c r="M186" s="29"/>
      <c r="N186" s="29"/>
      <c r="O186" s="29"/>
    </row>
    <row r="187" spans="1:15" ht="15.75" customHeight="1" x14ac:dyDescent="0.25">
      <c r="A187" s="30"/>
      <c r="B187" s="30"/>
      <c r="C187" s="31"/>
      <c r="D187" s="31"/>
      <c r="E187" s="31"/>
      <c r="F187" s="30"/>
      <c r="G187" s="30"/>
      <c r="H187" s="30"/>
      <c r="I187" s="30"/>
      <c r="J187" s="31"/>
      <c r="K187" s="31"/>
      <c r="L187" s="29"/>
      <c r="M187" s="29"/>
      <c r="N187" s="29"/>
      <c r="O187" s="29"/>
    </row>
    <row r="188" spans="1:15" ht="15.75" customHeight="1" x14ac:dyDescent="0.25">
      <c r="A188" s="30"/>
      <c r="B188" s="30"/>
      <c r="C188" s="31"/>
      <c r="D188" s="31"/>
      <c r="E188" s="31"/>
      <c r="F188" s="30"/>
      <c r="G188" s="30"/>
      <c r="H188" s="30"/>
      <c r="I188" s="30"/>
      <c r="J188" s="31"/>
      <c r="K188" s="31"/>
      <c r="L188" s="29"/>
      <c r="M188" s="29"/>
      <c r="N188" s="29"/>
      <c r="O188" s="29"/>
    </row>
    <row r="189" spans="1:15" ht="15.75" customHeight="1" x14ac:dyDescent="0.25">
      <c r="A189" s="30"/>
      <c r="B189" s="30"/>
      <c r="C189" s="31"/>
      <c r="D189" s="31"/>
      <c r="E189" s="31"/>
      <c r="F189" s="30"/>
      <c r="G189" s="30"/>
      <c r="H189" s="30"/>
      <c r="I189" s="30"/>
      <c r="J189" s="31"/>
      <c r="K189" s="31"/>
      <c r="L189" s="29"/>
      <c r="M189" s="29"/>
      <c r="N189" s="29"/>
      <c r="O189" s="29"/>
    </row>
    <row r="190" spans="1:15" ht="15.75" customHeight="1" x14ac:dyDescent="0.25">
      <c r="A190" s="30"/>
      <c r="B190" s="30"/>
      <c r="C190" s="31"/>
      <c r="D190" s="31"/>
      <c r="E190" s="31"/>
      <c r="F190" s="30"/>
      <c r="G190" s="30"/>
      <c r="H190" s="30"/>
      <c r="I190" s="30"/>
      <c r="J190" s="31"/>
      <c r="K190" s="31"/>
      <c r="L190" s="29"/>
      <c r="M190" s="29"/>
      <c r="N190" s="29"/>
      <c r="O190" s="29"/>
    </row>
    <row r="191" spans="1:15" ht="15.75" customHeight="1" x14ac:dyDescent="0.25">
      <c r="A191" s="30"/>
      <c r="B191" s="30"/>
      <c r="C191" s="31"/>
      <c r="D191" s="31"/>
      <c r="E191" s="31"/>
      <c r="F191" s="30"/>
      <c r="G191" s="30"/>
      <c r="H191" s="30"/>
      <c r="I191" s="30"/>
      <c r="J191" s="31"/>
      <c r="K191" s="31"/>
      <c r="L191" s="29"/>
      <c r="M191" s="29"/>
      <c r="N191" s="29"/>
      <c r="O191" s="29"/>
    </row>
    <row r="192" spans="1:15" ht="15.75" customHeight="1" x14ac:dyDescent="0.25">
      <c r="A192" s="30"/>
      <c r="B192" s="30"/>
      <c r="C192" s="31"/>
      <c r="D192" s="31"/>
      <c r="E192" s="31"/>
      <c r="F192" s="30"/>
      <c r="G192" s="30"/>
      <c r="H192" s="30"/>
      <c r="I192" s="30"/>
      <c r="J192" s="31"/>
      <c r="K192" s="31"/>
      <c r="L192" s="29"/>
      <c r="M192" s="29"/>
      <c r="N192" s="29"/>
      <c r="O192" s="29"/>
    </row>
    <row r="193" spans="1:15" ht="15.75" customHeight="1" x14ac:dyDescent="0.25">
      <c r="A193" s="30"/>
      <c r="B193" s="30"/>
      <c r="C193" s="31"/>
      <c r="D193" s="31"/>
      <c r="E193" s="31"/>
      <c r="F193" s="30"/>
      <c r="G193" s="30"/>
      <c r="H193" s="30"/>
      <c r="I193" s="30"/>
      <c r="J193" s="31"/>
      <c r="K193" s="31"/>
      <c r="L193" s="29"/>
      <c r="M193" s="29"/>
      <c r="N193" s="29"/>
      <c r="O193" s="29"/>
    </row>
    <row r="194" spans="1:15" ht="15.75" customHeight="1" x14ac:dyDescent="0.25">
      <c r="A194" s="30"/>
      <c r="B194" s="30"/>
      <c r="C194" s="31"/>
      <c r="D194" s="31"/>
      <c r="E194" s="31"/>
      <c r="F194" s="30"/>
      <c r="G194" s="30"/>
      <c r="H194" s="30"/>
      <c r="I194" s="30"/>
      <c r="J194" s="31"/>
      <c r="K194" s="31"/>
      <c r="L194" s="29"/>
      <c r="M194" s="29"/>
      <c r="N194" s="29"/>
      <c r="O194" s="29"/>
    </row>
    <row r="195" spans="1:15" ht="15.75" customHeight="1" x14ac:dyDescent="0.25">
      <c r="A195" s="30"/>
      <c r="B195" s="30"/>
      <c r="C195" s="31"/>
      <c r="D195" s="31"/>
      <c r="E195" s="31"/>
      <c r="F195" s="30"/>
      <c r="G195" s="30"/>
      <c r="H195" s="30"/>
      <c r="I195" s="30"/>
      <c r="J195" s="31"/>
      <c r="K195" s="31"/>
      <c r="L195" s="29"/>
      <c r="M195" s="29"/>
      <c r="N195" s="29"/>
      <c r="O195" s="29"/>
    </row>
    <row r="196" spans="1:15" ht="15.75" customHeight="1" x14ac:dyDescent="0.25">
      <c r="A196" s="30"/>
      <c r="B196" s="30"/>
      <c r="C196" s="31"/>
      <c r="D196" s="31"/>
      <c r="E196" s="31"/>
      <c r="F196" s="30"/>
      <c r="G196" s="30"/>
      <c r="H196" s="30"/>
      <c r="I196" s="30"/>
      <c r="J196" s="31"/>
      <c r="K196" s="31"/>
      <c r="L196" s="29"/>
      <c r="M196" s="29"/>
      <c r="N196" s="29"/>
      <c r="O196" s="29"/>
    </row>
    <row r="197" spans="1:15" ht="15.75" customHeight="1" x14ac:dyDescent="0.25">
      <c r="A197" s="30"/>
      <c r="B197" s="30"/>
      <c r="C197" s="31"/>
      <c r="D197" s="31"/>
      <c r="E197" s="31"/>
      <c r="F197" s="30"/>
      <c r="G197" s="30"/>
      <c r="H197" s="30"/>
      <c r="I197" s="30"/>
      <c r="J197" s="31"/>
      <c r="K197" s="31"/>
      <c r="L197" s="29"/>
      <c r="M197" s="29"/>
      <c r="N197" s="29"/>
      <c r="O197" s="29"/>
    </row>
    <row r="198" spans="1:15" ht="15.75" customHeight="1" x14ac:dyDescent="0.25">
      <c r="A198" s="30"/>
      <c r="B198" s="30"/>
      <c r="C198" s="31"/>
      <c r="D198" s="31"/>
      <c r="E198" s="31"/>
      <c r="F198" s="30"/>
      <c r="G198" s="30"/>
      <c r="H198" s="30"/>
      <c r="I198" s="30"/>
      <c r="J198" s="31"/>
      <c r="K198" s="31"/>
      <c r="L198" s="29"/>
      <c r="M198" s="29"/>
      <c r="N198" s="29"/>
      <c r="O198" s="29"/>
    </row>
    <row r="199" spans="1:15" ht="15.75" customHeight="1" x14ac:dyDescent="0.25">
      <c r="A199" s="30"/>
      <c r="B199" s="30"/>
      <c r="C199" s="31"/>
      <c r="D199" s="31"/>
      <c r="E199" s="31"/>
      <c r="F199" s="30"/>
      <c r="G199" s="30"/>
      <c r="H199" s="30"/>
      <c r="I199" s="30"/>
      <c r="J199" s="31"/>
      <c r="K199" s="31"/>
      <c r="L199" s="29"/>
      <c r="M199" s="29"/>
      <c r="N199" s="29"/>
      <c r="O199" s="29"/>
    </row>
    <row r="200" spans="1:15" ht="15.75" customHeight="1" x14ac:dyDescent="0.25">
      <c r="A200" s="30"/>
      <c r="B200" s="30"/>
      <c r="C200" s="31"/>
      <c r="D200" s="31"/>
      <c r="E200" s="31"/>
      <c r="F200" s="30"/>
      <c r="G200" s="30"/>
      <c r="H200" s="30"/>
      <c r="I200" s="30"/>
      <c r="J200" s="31"/>
      <c r="K200" s="31"/>
      <c r="L200" s="29"/>
      <c r="M200" s="29"/>
      <c r="N200" s="29"/>
      <c r="O200" s="29"/>
    </row>
    <row r="201" spans="1:15" ht="15.75" customHeight="1" x14ac:dyDescent="0.25">
      <c r="A201" s="30"/>
      <c r="B201" s="30"/>
      <c r="C201" s="31"/>
      <c r="D201" s="31"/>
      <c r="E201" s="31"/>
      <c r="F201" s="30"/>
      <c r="G201" s="30"/>
      <c r="H201" s="30"/>
      <c r="I201" s="30"/>
      <c r="J201" s="31"/>
      <c r="K201" s="31"/>
      <c r="L201" s="29"/>
      <c r="M201" s="29"/>
      <c r="N201" s="29"/>
      <c r="O201" s="29"/>
    </row>
    <row r="202" spans="1:15" ht="15.75" customHeight="1" x14ac:dyDescent="0.25">
      <c r="A202" s="30"/>
      <c r="B202" s="30"/>
      <c r="C202" s="31"/>
      <c r="D202" s="31"/>
      <c r="E202" s="31"/>
      <c r="F202" s="30"/>
      <c r="G202" s="30"/>
      <c r="H202" s="30"/>
      <c r="I202" s="30"/>
      <c r="J202" s="31"/>
      <c r="K202" s="31"/>
      <c r="L202" s="29"/>
      <c r="M202" s="29"/>
      <c r="N202" s="29"/>
      <c r="O202" s="29"/>
    </row>
    <row r="203" spans="1:15" ht="15.75" customHeight="1" x14ac:dyDescent="0.25">
      <c r="A203" s="30"/>
      <c r="B203" s="30"/>
      <c r="C203" s="31"/>
      <c r="D203" s="31"/>
      <c r="E203" s="31"/>
      <c r="F203" s="30"/>
      <c r="G203" s="30"/>
      <c r="H203" s="30"/>
      <c r="I203" s="30"/>
      <c r="J203" s="31"/>
      <c r="K203" s="31"/>
      <c r="L203" s="29"/>
      <c r="M203" s="29"/>
      <c r="N203" s="29"/>
      <c r="O203" s="29"/>
    </row>
    <row r="204" spans="1:15" ht="15.75" customHeight="1" x14ac:dyDescent="0.25">
      <c r="A204" s="30"/>
      <c r="B204" s="30"/>
      <c r="C204" s="31"/>
      <c r="D204" s="31"/>
      <c r="E204" s="31"/>
      <c r="F204" s="30"/>
      <c r="G204" s="30"/>
      <c r="H204" s="30"/>
      <c r="I204" s="30"/>
      <c r="J204" s="31"/>
      <c r="K204" s="31"/>
      <c r="L204" s="29"/>
      <c r="M204" s="29"/>
      <c r="N204" s="29"/>
      <c r="O204" s="29"/>
    </row>
    <row r="205" spans="1:15" ht="15.75" customHeight="1" x14ac:dyDescent="0.25">
      <c r="A205" s="30"/>
      <c r="B205" s="30"/>
      <c r="C205" s="31"/>
      <c r="D205" s="31"/>
      <c r="E205" s="31"/>
      <c r="F205" s="30"/>
      <c r="G205" s="30"/>
      <c r="H205" s="30"/>
      <c r="I205" s="30"/>
      <c r="J205" s="31"/>
      <c r="K205" s="31"/>
      <c r="L205" s="29"/>
      <c r="M205" s="29"/>
      <c r="N205" s="29"/>
      <c r="O205" s="29"/>
    </row>
    <row r="206" spans="1:15" ht="15.75" customHeight="1" x14ac:dyDescent="0.25">
      <c r="A206" s="30"/>
      <c r="B206" s="30"/>
      <c r="C206" s="31"/>
      <c r="D206" s="31"/>
      <c r="E206" s="31"/>
      <c r="F206" s="30"/>
      <c r="G206" s="30"/>
      <c r="H206" s="30"/>
      <c r="I206" s="30"/>
      <c r="J206" s="31"/>
      <c r="K206" s="31"/>
      <c r="L206" s="29"/>
      <c r="M206" s="29"/>
      <c r="N206" s="29"/>
      <c r="O206" s="29"/>
    </row>
    <row r="207" spans="1:15" ht="15.75" customHeight="1" x14ac:dyDescent="0.25">
      <c r="A207" s="30"/>
      <c r="B207" s="30"/>
      <c r="C207" s="31"/>
      <c r="D207" s="31"/>
      <c r="E207" s="31"/>
      <c r="F207" s="30"/>
      <c r="G207" s="30"/>
      <c r="H207" s="30"/>
      <c r="I207" s="30"/>
      <c r="J207" s="31"/>
      <c r="K207" s="31"/>
      <c r="L207" s="29"/>
      <c r="M207" s="29"/>
      <c r="N207" s="29"/>
      <c r="O207" s="29"/>
    </row>
    <row r="208" spans="1:15" ht="15.75" customHeight="1" x14ac:dyDescent="0.25">
      <c r="A208" s="30"/>
      <c r="B208" s="30"/>
      <c r="C208" s="31"/>
      <c r="D208" s="31"/>
      <c r="E208" s="31"/>
      <c r="F208" s="30"/>
      <c r="G208" s="30"/>
      <c r="H208" s="30"/>
      <c r="I208" s="30"/>
      <c r="J208" s="31"/>
      <c r="K208" s="31"/>
      <c r="L208" s="29"/>
      <c r="M208" s="29"/>
      <c r="N208" s="29"/>
      <c r="O208" s="29"/>
    </row>
    <row r="209" spans="1:15" ht="15.75" customHeight="1" x14ac:dyDescent="0.25">
      <c r="A209" s="30"/>
      <c r="B209" s="30"/>
      <c r="C209" s="31"/>
      <c r="D209" s="31"/>
      <c r="E209" s="31"/>
      <c r="F209" s="30"/>
      <c r="G209" s="30"/>
      <c r="H209" s="30"/>
      <c r="I209" s="30"/>
      <c r="J209" s="31"/>
      <c r="K209" s="31"/>
      <c r="L209" s="29"/>
      <c r="M209" s="29"/>
      <c r="N209" s="29"/>
      <c r="O209" s="29"/>
    </row>
    <row r="210" spans="1:15" ht="15.75" customHeight="1" x14ac:dyDescent="0.25">
      <c r="A210" s="30"/>
      <c r="B210" s="30"/>
      <c r="C210" s="31"/>
      <c r="D210" s="31"/>
      <c r="E210" s="31"/>
      <c r="F210" s="30"/>
      <c r="G210" s="30"/>
      <c r="H210" s="30"/>
      <c r="I210" s="30"/>
      <c r="J210" s="31"/>
      <c r="K210" s="31"/>
      <c r="L210" s="29"/>
      <c r="M210" s="29"/>
      <c r="N210" s="29"/>
      <c r="O210" s="29"/>
    </row>
    <row r="211" spans="1:15" ht="15.75" customHeight="1" x14ac:dyDescent="0.25">
      <c r="A211" s="30"/>
      <c r="B211" s="30"/>
      <c r="C211" s="31"/>
      <c r="D211" s="31"/>
      <c r="E211" s="31"/>
      <c r="F211" s="30"/>
      <c r="G211" s="30"/>
      <c r="H211" s="30"/>
      <c r="I211" s="30"/>
      <c r="J211" s="31"/>
      <c r="K211" s="31"/>
      <c r="L211" s="29"/>
      <c r="M211" s="29"/>
      <c r="N211" s="29"/>
      <c r="O211" s="29"/>
    </row>
    <row r="212" spans="1:15" ht="15.75" customHeight="1" x14ac:dyDescent="0.25">
      <c r="A212" s="30"/>
      <c r="B212" s="30"/>
      <c r="C212" s="31"/>
      <c r="D212" s="31"/>
      <c r="E212" s="31"/>
      <c r="F212" s="30"/>
      <c r="G212" s="30"/>
      <c r="H212" s="30"/>
      <c r="I212" s="30"/>
      <c r="J212" s="31"/>
      <c r="K212" s="31"/>
      <c r="L212" s="29"/>
      <c r="M212" s="29"/>
      <c r="N212" s="29"/>
      <c r="O212" s="29"/>
    </row>
    <row r="213" spans="1:15" ht="15.75" customHeight="1" x14ac:dyDescent="0.25">
      <c r="A213" s="30"/>
      <c r="B213" s="30"/>
      <c r="C213" s="31"/>
      <c r="D213" s="31"/>
      <c r="E213" s="31"/>
      <c r="F213" s="30"/>
      <c r="G213" s="30"/>
      <c r="H213" s="30"/>
      <c r="I213" s="30"/>
      <c r="J213" s="31"/>
      <c r="K213" s="31"/>
      <c r="L213" s="29"/>
      <c r="M213" s="29"/>
      <c r="N213" s="29"/>
      <c r="O213" s="29"/>
    </row>
    <row r="214" spans="1:15" ht="15.75" customHeight="1" x14ac:dyDescent="0.25">
      <c r="A214" s="30"/>
      <c r="B214" s="30"/>
      <c r="C214" s="31"/>
      <c r="D214" s="31"/>
      <c r="E214" s="31"/>
      <c r="F214" s="30"/>
      <c r="G214" s="30"/>
      <c r="H214" s="30"/>
      <c r="I214" s="30"/>
      <c r="J214" s="31"/>
      <c r="K214" s="31"/>
      <c r="L214" s="29"/>
      <c r="M214" s="29"/>
      <c r="N214" s="29"/>
      <c r="O214" s="29"/>
    </row>
    <row r="215" spans="1:15" ht="15.75" customHeight="1" x14ac:dyDescent="0.25">
      <c r="A215" s="30"/>
      <c r="B215" s="30"/>
      <c r="C215" s="31"/>
      <c r="D215" s="31"/>
      <c r="E215" s="31"/>
      <c r="F215" s="30"/>
      <c r="G215" s="30"/>
      <c r="H215" s="30"/>
      <c r="I215" s="30"/>
      <c r="J215" s="31"/>
      <c r="K215" s="31"/>
      <c r="L215" s="29"/>
      <c r="M215" s="29"/>
      <c r="N215" s="29"/>
      <c r="O215" s="29"/>
    </row>
    <row r="216" spans="1:15" ht="15.75" customHeight="1" x14ac:dyDescent="0.25">
      <c r="A216" s="30"/>
      <c r="B216" s="30"/>
      <c r="C216" s="31"/>
      <c r="D216" s="31"/>
      <c r="E216" s="31"/>
      <c r="F216" s="30"/>
      <c r="G216" s="30"/>
      <c r="H216" s="30"/>
      <c r="I216" s="30"/>
      <c r="J216" s="31"/>
      <c r="K216" s="31"/>
      <c r="L216" s="29"/>
      <c r="M216" s="29"/>
      <c r="N216" s="29"/>
      <c r="O216" s="29"/>
    </row>
    <row r="217" spans="1:15" ht="15.75" customHeight="1" x14ac:dyDescent="0.25">
      <c r="A217" s="30"/>
      <c r="B217" s="30"/>
      <c r="C217" s="31"/>
      <c r="D217" s="31"/>
      <c r="E217" s="31"/>
      <c r="F217" s="30"/>
      <c r="G217" s="30"/>
      <c r="H217" s="30"/>
      <c r="I217" s="30"/>
      <c r="J217" s="31"/>
      <c r="K217" s="31"/>
      <c r="L217" s="29"/>
      <c r="M217" s="29"/>
      <c r="N217" s="29"/>
      <c r="O217" s="29"/>
    </row>
    <row r="218" spans="1:15" ht="15.75" customHeight="1" x14ac:dyDescent="0.25">
      <c r="A218" s="30"/>
      <c r="B218" s="30"/>
      <c r="C218" s="31"/>
      <c r="D218" s="31"/>
      <c r="E218" s="31"/>
      <c r="F218" s="30"/>
      <c r="G218" s="30"/>
      <c r="H218" s="30"/>
      <c r="I218" s="30"/>
      <c r="J218" s="31"/>
      <c r="K218" s="31"/>
      <c r="L218" s="29"/>
      <c r="M218" s="29"/>
      <c r="N218" s="29"/>
      <c r="O218" s="29"/>
    </row>
    <row r="219" spans="1:15" ht="15.75" customHeight="1" x14ac:dyDescent="0.25">
      <c r="A219" s="30"/>
      <c r="B219" s="30"/>
      <c r="C219" s="31"/>
      <c r="D219" s="31"/>
      <c r="E219" s="31"/>
      <c r="F219" s="30"/>
      <c r="G219" s="30"/>
      <c r="H219" s="30"/>
      <c r="I219" s="30"/>
      <c r="J219" s="31"/>
      <c r="K219" s="31"/>
      <c r="L219" s="29"/>
      <c r="M219" s="29"/>
      <c r="N219" s="29"/>
      <c r="O219" s="29"/>
    </row>
    <row r="220" spans="1:15" ht="15.75" customHeight="1" x14ac:dyDescent="0.25">
      <c r="A220" s="30"/>
      <c r="B220" s="30"/>
      <c r="C220" s="31"/>
      <c r="D220" s="31"/>
      <c r="E220" s="31"/>
      <c r="F220" s="30"/>
      <c r="G220" s="30"/>
      <c r="H220" s="30"/>
      <c r="I220" s="30"/>
      <c r="J220" s="31"/>
      <c r="K220" s="31"/>
      <c r="L220" s="29"/>
      <c r="M220" s="29"/>
      <c r="N220" s="29"/>
      <c r="O220" s="29"/>
    </row>
    <row r="221" spans="1:15" ht="15.75" customHeight="1" x14ac:dyDescent="0.25">
      <c r="A221" s="30"/>
      <c r="B221" s="30"/>
      <c r="C221" s="31"/>
      <c r="D221" s="31"/>
      <c r="E221" s="31"/>
      <c r="F221" s="30"/>
      <c r="G221" s="30"/>
      <c r="H221" s="30"/>
      <c r="I221" s="30"/>
      <c r="J221" s="31"/>
      <c r="K221" s="31"/>
      <c r="L221" s="29"/>
      <c r="M221" s="29"/>
      <c r="N221" s="29"/>
      <c r="O221" s="29"/>
    </row>
    <row r="222" spans="1:15" ht="15.75" customHeight="1" x14ac:dyDescent="0.25">
      <c r="A222" s="30"/>
      <c r="B222" s="30"/>
      <c r="C222" s="31"/>
      <c r="D222" s="31"/>
      <c r="E222" s="31"/>
      <c r="F222" s="30"/>
      <c r="G222" s="30"/>
      <c r="H222" s="30"/>
      <c r="I222" s="30"/>
      <c r="J222" s="31"/>
      <c r="K222" s="31"/>
      <c r="L222" s="29"/>
      <c r="M222" s="29"/>
      <c r="N222" s="29"/>
      <c r="O222" s="29"/>
    </row>
    <row r="223" spans="1:15" ht="15.75" customHeight="1" x14ac:dyDescent="0.25">
      <c r="A223" s="30"/>
      <c r="B223" s="30"/>
      <c r="C223" s="31"/>
      <c r="D223" s="31"/>
      <c r="E223" s="31"/>
      <c r="F223" s="30"/>
      <c r="G223" s="30"/>
      <c r="H223" s="30"/>
      <c r="I223" s="30"/>
      <c r="J223" s="31"/>
      <c r="K223" s="31"/>
      <c r="L223" s="29"/>
      <c r="M223" s="29"/>
      <c r="N223" s="29"/>
      <c r="O223" s="29"/>
    </row>
    <row r="224" spans="1:15" ht="15.75" customHeight="1" x14ac:dyDescent="0.25">
      <c r="A224" s="30"/>
      <c r="B224" s="30"/>
      <c r="C224" s="31"/>
      <c r="D224" s="31"/>
      <c r="E224" s="31"/>
      <c r="F224" s="30"/>
      <c r="G224" s="30"/>
      <c r="H224" s="30"/>
      <c r="I224" s="30"/>
      <c r="J224" s="31"/>
      <c r="K224" s="31"/>
      <c r="L224" s="29"/>
      <c r="M224" s="29"/>
      <c r="N224" s="29"/>
      <c r="O224" s="29"/>
    </row>
    <row r="225" spans="1:15" ht="15.75" customHeight="1" x14ac:dyDescent="0.25">
      <c r="A225" s="30"/>
      <c r="B225" s="30"/>
      <c r="C225" s="31"/>
      <c r="D225" s="31"/>
      <c r="E225" s="31"/>
      <c r="F225" s="30"/>
      <c r="G225" s="30"/>
      <c r="H225" s="30"/>
      <c r="I225" s="30"/>
      <c r="J225" s="31"/>
      <c r="K225" s="31"/>
      <c r="L225" s="29"/>
      <c r="M225" s="29"/>
      <c r="N225" s="29"/>
      <c r="O225" s="29"/>
    </row>
    <row r="226" spans="1:15" ht="15.75" customHeight="1" x14ac:dyDescent="0.25">
      <c r="A226" s="30"/>
      <c r="B226" s="30"/>
      <c r="C226" s="31"/>
      <c r="D226" s="31"/>
      <c r="E226" s="31"/>
      <c r="F226" s="30"/>
      <c r="G226" s="30"/>
      <c r="H226" s="30"/>
      <c r="I226" s="30"/>
      <c r="J226" s="31"/>
      <c r="K226" s="31"/>
      <c r="L226" s="29"/>
      <c r="M226" s="29"/>
      <c r="N226" s="29"/>
      <c r="O226" s="29"/>
    </row>
    <row r="227" spans="1:15" ht="15.75" customHeight="1" x14ac:dyDescent="0.25">
      <c r="A227" s="30"/>
      <c r="B227" s="30"/>
      <c r="C227" s="31"/>
      <c r="D227" s="31"/>
      <c r="E227" s="31"/>
      <c r="F227" s="30"/>
      <c r="G227" s="30"/>
      <c r="H227" s="30"/>
      <c r="I227" s="30"/>
      <c r="J227" s="31"/>
      <c r="K227" s="31"/>
      <c r="L227" s="29"/>
      <c r="M227" s="29"/>
      <c r="N227" s="29"/>
      <c r="O227" s="29"/>
    </row>
    <row r="228" spans="1:15" ht="15.75" customHeight="1" x14ac:dyDescent="0.25">
      <c r="A228" s="30"/>
      <c r="B228" s="30"/>
      <c r="C228" s="31"/>
      <c r="D228" s="31"/>
      <c r="E228" s="31"/>
      <c r="F228" s="30"/>
      <c r="G228" s="30"/>
      <c r="H228" s="30"/>
      <c r="I228" s="30"/>
      <c r="J228" s="31"/>
      <c r="K228" s="31"/>
      <c r="L228" s="29"/>
      <c r="M228" s="29"/>
      <c r="N228" s="29"/>
      <c r="O228" s="29"/>
    </row>
    <row r="229" spans="1:15" ht="15.75" customHeight="1" x14ac:dyDescent="0.25">
      <c r="A229" s="30"/>
      <c r="B229" s="30"/>
      <c r="C229" s="31"/>
      <c r="D229" s="31"/>
      <c r="E229" s="31"/>
      <c r="F229" s="30"/>
      <c r="G229" s="30"/>
      <c r="H229" s="30"/>
      <c r="I229" s="30"/>
      <c r="J229" s="31"/>
      <c r="K229" s="31"/>
      <c r="L229" s="29"/>
      <c r="M229" s="29"/>
      <c r="N229" s="29"/>
      <c r="O229" s="29"/>
    </row>
    <row r="230" spans="1:15" ht="15.75" customHeight="1" x14ac:dyDescent="0.25">
      <c r="A230" s="30"/>
      <c r="B230" s="30"/>
      <c r="C230" s="31"/>
      <c r="D230" s="31"/>
      <c r="E230" s="31"/>
      <c r="F230" s="30"/>
      <c r="G230" s="30"/>
      <c r="H230" s="30"/>
      <c r="I230" s="30"/>
      <c r="J230" s="31"/>
      <c r="K230" s="31"/>
      <c r="L230" s="29"/>
      <c r="M230" s="29"/>
      <c r="N230" s="29"/>
      <c r="O230" s="29"/>
    </row>
    <row r="231" spans="1:15" ht="15.75" customHeight="1" x14ac:dyDescent="0.25">
      <c r="A231" s="30"/>
      <c r="B231" s="30"/>
      <c r="C231" s="31"/>
      <c r="D231" s="31"/>
      <c r="E231" s="31"/>
      <c r="F231" s="30"/>
      <c r="G231" s="30"/>
      <c r="H231" s="30"/>
      <c r="I231" s="30"/>
      <c r="J231" s="31"/>
      <c r="K231" s="31"/>
      <c r="L231" s="29"/>
      <c r="M231" s="29"/>
      <c r="N231" s="29"/>
      <c r="O231" s="29"/>
    </row>
    <row r="232" spans="1:15" ht="15.75" customHeight="1" x14ac:dyDescent="0.25">
      <c r="A232" s="30"/>
      <c r="B232" s="30"/>
      <c r="C232" s="31"/>
      <c r="D232" s="31"/>
      <c r="E232" s="31"/>
      <c r="F232" s="30"/>
      <c r="G232" s="30"/>
      <c r="H232" s="30"/>
      <c r="I232" s="30"/>
      <c r="J232" s="31"/>
      <c r="K232" s="31"/>
      <c r="L232" s="29"/>
      <c r="M232" s="29"/>
      <c r="N232" s="29"/>
      <c r="O232" s="29"/>
    </row>
    <row r="233" spans="1:15" ht="15.75" customHeight="1" x14ac:dyDescent="0.25">
      <c r="A233" s="30"/>
      <c r="B233" s="30"/>
      <c r="C233" s="31"/>
      <c r="D233" s="31"/>
      <c r="E233" s="31"/>
      <c r="F233" s="30"/>
      <c r="G233" s="30"/>
      <c r="H233" s="30"/>
      <c r="I233" s="30"/>
      <c r="J233" s="31"/>
      <c r="K233" s="31"/>
      <c r="L233" s="29"/>
      <c r="M233" s="29"/>
      <c r="N233" s="29"/>
      <c r="O233" s="29"/>
    </row>
    <row r="234" spans="1:15" ht="15.75" customHeight="1" x14ac:dyDescent="0.25">
      <c r="A234" s="30"/>
      <c r="B234" s="30"/>
      <c r="C234" s="31"/>
      <c r="D234" s="31"/>
      <c r="E234" s="31"/>
      <c r="F234" s="30"/>
      <c r="G234" s="30"/>
      <c r="H234" s="30"/>
      <c r="I234" s="30"/>
      <c r="J234" s="31"/>
      <c r="K234" s="31"/>
      <c r="L234" s="29"/>
      <c r="M234" s="29"/>
      <c r="N234" s="29"/>
      <c r="O234" s="29"/>
    </row>
    <row r="235" spans="1:15" ht="15.75" customHeight="1" x14ac:dyDescent="0.25">
      <c r="A235" s="30"/>
      <c r="B235" s="30"/>
      <c r="C235" s="31"/>
      <c r="D235" s="31"/>
      <c r="E235" s="31"/>
      <c r="F235" s="30"/>
      <c r="G235" s="30"/>
      <c r="H235" s="30"/>
      <c r="I235" s="30"/>
      <c r="J235" s="31"/>
      <c r="K235" s="31"/>
      <c r="L235" s="29"/>
      <c r="M235" s="29"/>
      <c r="N235" s="29"/>
      <c r="O235" s="29"/>
    </row>
    <row r="236" spans="1:15" ht="15.75" customHeight="1" x14ac:dyDescent="0.25">
      <c r="A236" s="30"/>
      <c r="B236" s="30"/>
      <c r="C236" s="31"/>
      <c r="D236" s="31"/>
      <c r="E236" s="31"/>
      <c r="F236" s="30"/>
      <c r="G236" s="30"/>
      <c r="H236" s="30"/>
      <c r="I236" s="30"/>
      <c r="J236" s="31"/>
      <c r="K236" s="31"/>
      <c r="L236" s="29"/>
      <c r="M236" s="29"/>
      <c r="N236" s="29"/>
      <c r="O236" s="29"/>
    </row>
    <row r="237" spans="1:15" ht="15.75" customHeight="1" x14ac:dyDescent="0.25">
      <c r="A237" s="30"/>
      <c r="B237" s="30"/>
      <c r="C237" s="31"/>
      <c r="D237" s="31"/>
      <c r="E237" s="31"/>
      <c r="F237" s="30"/>
      <c r="G237" s="30"/>
      <c r="H237" s="30"/>
      <c r="I237" s="30"/>
      <c r="J237" s="31"/>
      <c r="K237" s="31"/>
      <c r="L237" s="29"/>
      <c r="M237" s="29"/>
      <c r="N237" s="29"/>
      <c r="O237" s="29"/>
    </row>
    <row r="238" spans="1:15" ht="15.75" customHeight="1" x14ac:dyDescent="0.25">
      <c r="A238" s="30"/>
      <c r="B238" s="30"/>
      <c r="C238" s="31"/>
      <c r="D238" s="31"/>
      <c r="E238" s="31"/>
      <c r="F238" s="30"/>
      <c r="G238" s="30"/>
      <c r="H238" s="30"/>
      <c r="I238" s="30"/>
      <c r="J238" s="31"/>
      <c r="K238" s="31"/>
      <c r="L238" s="29"/>
      <c r="M238" s="29"/>
      <c r="N238" s="29"/>
      <c r="O238" s="29"/>
    </row>
    <row r="239" spans="1:15" ht="15.75" customHeight="1" x14ac:dyDescent="0.25">
      <c r="A239" s="30"/>
      <c r="B239" s="30"/>
      <c r="C239" s="31"/>
      <c r="D239" s="31"/>
      <c r="E239" s="31"/>
      <c r="F239" s="30"/>
      <c r="G239" s="30"/>
      <c r="H239" s="30"/>
      <c r="I239" s="30"/>
      <c r="J239" s="31"/>
      <c r="K239" s="31"/>
      <c r="L239" s="29"/>
      <c r="M239" s="29"/>
      <c r="N239" s="29"/>
      <c r="O239" s="29"/>
    </row>
    <row r="240" spans="1:15" ht="15.75" customHeight="1" x14ac:dyDescent="0.25">
      <c r="A240" s="30"/>
      <c r="B240" s="30"/>
      <c r="C240" s="31"/>
      <c r="D240" s="31"/>
      <c r="E240" s="31"/>
      <c r="F240" s="30"/>
      <c r="G240" s="30"/>
      <c r="H240" s="30"/>
      <c r="I240" s="30"/>
      <c r="J240" s="31"/>
      <c r="K240" s="31"/>
      <c r="L240" s="29"/>
      <c r="M240" s="29"/>
      <c r="N240" s="29"/>
      <c r="O240" s="29"/>
    </row>
    <row r="241" spans="1:15" ht="15.75" customHeight="1" x14ac:dyDescent="0.25">
      <c r="A241" s="30"/>
      <c r="B241" s="30"/>
      <c r="C241" s="31"/>
      <c r="D241" s="31"/>
      <c r="E241" s="31"/>
      <c r="F241" s="30"/>
      <c r="G241" s="30"/>
      <c r="H241" s="30"/>
      <c r="I241" s="30"/>
      <c r="J241" s="31"/>
      <c r="K241" s="31"/>
      <c r="L241" s="29"/>
      <c r="M241" s="29"/>
      <c r="N241" s="29"/>
      <c r="O241" s="29"/>
    </row>
    <row r="242" spans="1:15" ht="15.75" customHeight="1" x14ac:dyDescent="0.25">
      <c r="A242" s="30"/>
      <c r="B242" s="30"/>
      <c r="C242" s="31"/>
      <c r="D242" s="31"/>
      <c r="E242" s="31"/>
      <c r="F242" s="30"/>
      <c r="G242" s="30"/>
      <c r="H242" s="30"/>
      <c r="I242" s="30"/>
      <c r="J242" s="31"/>
      <c r="K242" s="31"/>
      <c r="L242" s="29"/>
      <c r="M242" s="29"/>
      <c r="N242" s="29"/>
      <c r="O242" s="29"/>
    </row>
    <row r="243" spans="1:15" ht="15.75" customHeight="1" x14ac:dyDescent="0.25">
      <c r="A243" s="30"/>
      <c r="B243" s="30"/>
      <c r="C243" s="31"/>
      <c r="D243" s="31"/>
      <c r="E243" s="31"/>
      <c r="F243" s="30"/>
      <c r="G243" s="30"/>
      <c r="H243" s="30"/>
      <c r="I243" s="30"/>
      <c r="J243" s="31"/>
      <c r="K243" s="31"/>
      <c r="L243" s="29"/>
      <c r="M243" s="29"/>
      <c r="N243" s="29"/>
      <c r="O243" s="29"/>
    </row>
    <row r="244" spans="1:15" ht="15.75" customHeight="1" x14ac:dyDescent="0.25">
      <c r="A244" s="30"/>
      <c r="B244" s="30"/>
      <c r="C244" s="31"/>
      <c r="D244" s="31"/>
      <c r="E244" s="31"/>
      <c r="F244" s="30"/>
      <c r="G244" s="30"/>
      <c r="H244" s="30"/>
      <c r="I244" s="30"/>
      <c r="J244" s="31"/>
      <c r="K244" s="31"/>
      <c r="L244" s="29"/>
      <c r="M244" s="29"/>
      <c r="N244" s="29"/>
      <c r="O244" s="29"/>
    </row>
    <row r="245" spans="1:15" ht="15.75" customHeight="1" x14ac:dyDescent="0.25">
      <c r="A245" s="30"/>
      <c r="B245" s="30"/>
      <c r="C245" s="31"/>
      <c r="D245" s="31"/>
      <c r="E245" s="31"/>
      <c r="F245" s="30"/>
      <c r="G245" s="30"/>
      <c r="H245" s="30"/>
      <c r="I245" s="30"/>
      <c r="J245" s="31"/>
      <c r="K245" s="31"/>
      <c r="L245" s="29"/>
      <c r="M245" s="29"/>
      <c r="N245" s="29"/>
      <c r="O245" s="29"/>
    </row>
    <row r="246" spans="1:15" ht="15.75" customHeight="1" x14ac:dyDescent="0.25">
      <c r="A246" s="30"/>
      <c r="B246" s="30"/>
      <c r="C246" s="31"/>
      <c r="D246" s="31"/>
      <c r="E246" s="31"/>
      <c r="F246" s="30"/>
      <c r="G246" s="30"/>
      <c r="H246" s="30"/>
      <c r="I246" s="30"/>
      <c r="J246" s="31"/>
      <c r="K246" s="31"/>
      <c r="L246" s="29"/>
      <c r="M246" s="29"/>
      <c r="N246" s="29"/>
      <c r="O246" s="29"/>
    </row>
    <row r="247" spans="1:15" ht="15.75" customHeight="1" x14ac:dyDescent="0.25">
      <c r="A247" s="30"/>
      <c r="B247" s="30"/>
      <c r="C247" s="31"/>
      <c r="D247" s="31"/>
      <c r="E247" s="31"/>
      <c r="F247" s="30"/>
      <c r="G247" s="30"/>
      <c r="H247" s="30"/>
      <c r="I247" s="30"/>
      <c r="J247" s="31"/>
      <c r="K247" s="31"/>
      <c r="L247" s="29"/>
      <c r="M247" s="29"/>
      <c r="N247" s="29"/>
      <c r="O247" s="29"/>
    </row>
    <row r="248" spans="1:15" ht="15.75" customHeight="1" x14ac:dyDescent="0.25">
      <c r="A248" s="30"/>
      <c r="B248" s="30"/>
      <c r="C248" s="31"/>
      <c r="D248" s="31"/>
      <c r="E248" s="31"/>
      <c r="F248" s="30"/>
      <c r="G248" s="30"/>
      <c r="H248" s="30"/>
      <c r="I248" s="30"/>
      <c r="J248" s="31"/>
      <c r="K248" s="31"/>
      <c r="L248" s="29"/>
      <c r="M248" s="29"/>
      <c r="N248" s="29"/>
      <c r="O248" s="29"/>
    </row>
    <row r="249" spans="1:15" ht="15.75" customHeight="1" x14ac:dyDescent="0.25">
      <c r="A249" s="30"/>
      <c r="B249" s="30"/>
      <c r="C249" s="31"/>
      <c r="D249" s="31"/>
      <c r="E249" s="31"/>
      <c r="F249" s="30"/>
      <c r="G249" s="30"/>
      <c r="H249" s="30"/>
      <c r="I249" s="30"/>
      <c r="J249" s="31"/>
      <c r="K249" s="31"/>
      <c r="L249" s="29"/>
      <c r="M249" s="29"/>
      <c r="N249" s="29"/>
      <c r="O249" s="29"/>
    </row>
    <row r="250" spans="1:15" ht="15.75" customHeight="1" x14ac:dyDescent="0.25">
      <c r="A250" s="30"/>
      <c r="B250" s="30"/>
      <c r="C250" s="31"/>
      <c r="D250" s="31"/>
      <c r="E250" s="31"/>
      <c r="F250" s="30"/>
      <c r="G250" s="30"/>
      <c r="H250" s="30"/>
      <c r="I250" s="30"/>
      <c r="J250" s="31"/>
      <c r="K250" s="31"/>
      <c r="L250" s="29"/>
      <c r="M250" s="29"/>
      <c r="N250" s="29"/>
      <c r="O250" s="29"/>
    </row>
    <row r="251" spans="1:15" ht="15.75" customHeight="1" x14ac:dyDescent="0.25">
      <c r="A251" s="30"/>
      <c r="B251" s="30"/>
      <c r="C251" s="31"/>
      <c r="D251" s="31"/>
      <c r="E251" s="31"/>
      <c r="F251" s="30"/>
      <c r="G251" s="30"/>
      <c r="H251" s="30"/>
      <c r="I251" s="30"/>
      <c r="J251" s="31"/>
      <c r="K251" s="31"/>
      <c r="L251" s="29"/>
      <c r="M251" s="29"/>
      <c r="N251" s="29"/>
      <c r="O251" s="29"/>
    </row>
    <row r="252" spans="1:15" ht="15.75" customHeight="1" x14ac:dyDescent="0.25">
      <c r="A252" s="30"/>
      <c r="B252" s="30"/>
      <c r="C252" s="31"/>
      <c r="D252" s="31"/>
      <c r="E252" s="31"/>
      <c r="F252" s="30"/>
      <c r="G252" s="30"/>
      <c r="H252" s="30"/>
      <c r="I252" s="30"/>
      <c r="J252" s="31"/>
      <c r="K252" s="31"/>
      <c r="L252" s="29"/>
      <c r="M252" s="29"/>
      <c r="N252" s="29"/>
      <c r="O252" s="29"/>
    </row>
    <row r="253" spans="1:15" ht="15.75" customHeight="1" x14ac:dyDescent="0.25">
      <c r="A253" s="30"/>
      <c r="B253" s="30"/>
      <c r="C253" s="31"/>
      <c r="D253" s="31"/>
      <c r="E253" s="31"/>
      <c r="F253" s="30"/>
      <c r="G253" s="30"/>
      <c r="H253" s="30"/>
      <c r="I253" s="30"/>
      <c r="J253" s="31"/>
      <c r="K253" s="31"/>
      <c r="L253" s="29"/>
      <c r="M253" s="29"/>
      <c r="N253" s="29"/>
      <c r="O253" s="29"/>
    </row>
    <row r="254" spans="1:15" ht="15.75" customHeight="1" x14ac:dyDescent="0.25">
      <c r="A254" s="30"/>
      <c r="B254" s="30"/>
      <c r="C254" s="31"/>
      <c r="D254" s="31"/>
      <c r="E254" s="31"/>
      <c r="F254" s="30"/>
      <c r="G254" s="30"/>
      <c r="H254" s="30"/>
      <c r="I254" s="30"/>
      <c r="J254" s="31"/>
      <c r="K254" s="31"/>
      <c r="L254" s="29"/>
      <c r="M254" s="29"/>
      <c r="N254" s="29"/>
      <c r="O254" s="29"/>
    </row>
    <row r="255" spans="1:15" ht="15.75" customHeight="1" x14ac:dyDescent="0.25">
      <c r="A255" s="30"/>
      <c r="B255" s="30"/>
      <c r="C255" s="31"/>
      <c r="D255" s="31"/>
      <c r="E255" s="31"/>
      <c r="F255" s="30"/>
      <c r="G255" s="30"/>
      <c r="H255" s="30"/>
      <c r="I255" s="30"/>
      <c r="J255" s="31"/>
      <c r="K255" s="31"/>
      <c r="L255" s="29"/>
      <c r="M255" s="29"/>
      <c r="N255" s="29"/>
      <c r="O255" s="29"/>
    </row>
    <row r="256" spans="1:15" ht="15.75" customHeight="1" x14ac:dyDescent="0.25">
      <c r="A256" s="30"/>
      <c r="B256" s="30"/>
      <c r="C256" s="31"/>
      <c r="D256" s="31"/>
      <c r="E256" s="31"/>
      <c r="F256" s="30"/>
      <c r="G256" s="30"/>
      <c r="H256" s="30"/>
      <c r="I256" s="30"/>
      <c r="J256" s="31"/>
      <c r="K256" s="31"/>
      <c r="L256" s="29"/>
      <c r="M256" s="29"/>
      <c r="N256" s="29"/>
      <c r="O256" s="29"/>
    </row>
    <row r="257" spans="1:15" ht="15.75" customHeight="1" x14ac:dyDescent="0.25">
      <c r="A257" s="30"/>
      <c r="B257" s="30"/>
      <c r="C257" s="31"/>
      <c r="D257" s="31"/>
      <c r="E257" s="31"/>
      <c r="F257" s="30"/>
      <c r="G257" s="30"/>
      <c r="H257" s="30"/>
      <c r="I257" s="30"/>
      <c r="J257" s="31"/>
      <c r="K257" s="31"/>
      <c r="L257" s="29"/>
      <c r="M257" s="29"/>
      <c r="N257" s="29"/>
      <c r="O257" s="29"/>
    </row>
    <row r="258" spans="1:15" ht="15.75" customHeight="1" x14ac:dyDescent="0.25">
      <c r="A258" s="30"/>
      <c r="B258" s="30"/>
      <c r="C258" s="31"/>
      <c r="D258" s="31"/>
      <c r="E258" s="31"/>
      <c r="F258" s="30"/>
      <c r="G258" s="30"/>
      <c r="H258" s="30"/>
      <c r="I258" s="30"/>
      <c r="J258" s="31"/>
      <c r="K258" s="31"/>
      <c r="L258" s="29"/>
      <c r="M258" s="29"/>
      <c r="N258" s="29"/>
      <c r="O258" s="29"/>
    </row>
    <row r="259" spans="1:15" ht="15.75" customHeight="1" x14ac:dyDescent="0.25">
      <c r="A259" s="30"/>
      <c r="B259" s="30"/>
      <c r="C259" s="31"/>
      <c r="D259" s="31"/>
      <c r="E259" s="31"/>
      <c r="F259" s="30"/>
      <c r="G259" s="30"/>
      <c r="H259" s="30"/>
      <c r="I259" s="30"/>
      <c r="J259" s="31"/>
      <c r="K259" s="31"/>
      <c r="L259" s="29"/>
      <c r="M259" s="29"/>
      <c r="N259" s="29"/>
      <c r="O259" s="29"/>
    </row>
    <row r="260" spans="1:15" ht="15.75" customHeight="1" x14ac:dyDescent="0.25">
      <c r="A260" s="30"/>
      <c r="B260" s="30"/>
      <c r="C260" s="31"/>
      <c r="D260" s="31"/>
      <c r="E260" s="31"/>
      <c r="F260" s="30"/>
      <c r="G260" s="30"/>
      <c r="H260" s="30"/>
      <c r="I260" s="30"/>
      <c r="J260" s="31"/>
      <c r="K260" s="31"/>
      <c r="L260" s="29"/>
      <c r="M260" s="29"/>
      <c r="N260" s="29"/>
      <c r="O260" s="29"/>
    </row>
    <row r="261" spans="1:15" ht="15.75" customHeight="1" x14ac:dyDescent="0.25">
      <c r="A261" s="30"/>
      <c r="B261" s="30"/>
      <c r="C261" s="31"/>
      <c r="D261" s="31"/>
      <c r="E261" s="31"/>
      <c r="F261" s="30"/>
      <c r="G261" s="30"/>
      <c r="H261" s="30"/>
      <c r="I261" s="30"/>
      <c r="J261" s="31"/>
      <c r="K261" s="31"/>
      <c r="L261" s="29"/>
      <c r="M261" s="29"/>
      <c r="N261" s="29"/>
      <c r="O261" s="29"/>
    </row>
    <row r="262" spans="1:15" ht="15.75" customHeight="1" x14ac:dyDescent="0.25">
      <c r="A262" s="30"/>
      <c r="B262" s="30"/>
      <c r="C262" s="31"/>
      <c r="D262" s="31"/>
      <c r="E262" s="31"/>
      <c r="F262" s="30"/>
      <c r="G262" s="30"/>
      <c r="H262" s="30"/>
      <c r="I262" s="30"/>
      <c r="J262" s="31"/>
      <c r="K262" s="31"/>
      <c r="L262" s="29"/>
      <c r="M262" s="29"/>
      <c r="N262" s="29"/>
      <c r="O262" s="29"/>
    </row>
    <row r="263" spans="1:15" ht="15.75" customHeight="1" x14ac:dyDescent="0.25">
      <c r="A263" s="30"/>
      <c r="B263" s="30"/>
      <c r="C263" s="31"/>
      <c r="D263" s="31"/>
      <c r="E263" s="31"/>
      <c r="F263" s="30"/>
      <c r="G263" s="30"/>
      <c r="H263" s="30"/>
      <c r="I263" s="30"/>
      <c r="J263" s="31"/>
      <c r="K263" s="31"/>
      <c r="L263" s="29"/>
      <c r="M263" s="29"/>
      <c r="N263" s="29"/>
      <c r="O263" s="29"/>
    </row>
    <row r="264" spans="1:15" ht="15.75" customHeight="1" x14ac:dyDescent="0.25">
      <c r="A264" s="30"/>
      <c r="B264" s="30"/>
      <c r="C264" s="31"/>
      <c r="D264" s="31"/>
      <c r="E264" s="31"/>
      <c r="F264" s="30"/>
      <c r="G264" s="30"/>
      <c r="H264" s="30"/>
      <c r="I264" s="30"/>
      <c r="J264" s="31"/>
      <c r="K264" s="31"/>
      <c r="L264" s="29"/>
      <c r="M264" s="29"/>
      <c r="N264" s="29"/>
      <c r="O264" s="29"/>
    </row>
    <row r="265" spans="1:15" ht="15.75" customHeight="1" x14ac:dyDescent="0.25">
      <c r="A265" s="30"/>
      <c r="B265" s="30"/>
      <c r="C265" s="31"/>
      <c r="D265" s="31"/>
      <c r="E265" s="31"/>
      <c r="F265" s="30"/>
      <c r="G265" s="30"/>
      <c r="H265" s="30"/>
      <c r="I265" s="30"/>
      <c r="J265" s="31"/>
      <c r="K265" s="31"/>
      <c r="L265" s="29"/>
      <c r="M265" s="29"/>
      <c r="N265" s="29"/>
      <c r="O265" s="29"/>
    </row>
    <row r="266" spans="1:15" ht="15.75" customHeight="1" x14ac:dyDescent="0.25">
      <c r="A266" s="30"/>
      <c r="B266" s="30"/>
      <c r="C266" s="31"/>
      <c r="D266" s="31"/>
      <c r="E266" s="31"/>
      <c r="F266" s="30"/>
      <c r="G266" s="30"/>
      <c r="H266" s="30"/>
      <c r="I266" s="30"/>
      <c r="J266" s="31"/>
      <c r="K266" s="31"/>
      <c r="L266" s="29"/>
      <c r="M266" s="29"/>
      <c r="N266" s="29"/>
      <c r="O266" s="29"/>
    </row>
    <row r="267" spans="1:15" ht="15.75" customHeight="1" x14ac:dyDescent="0.25">
      <c r="A267" s="30"/>
      <c r="B267" s="30"/>
      <c r="C267" s="31"/>
      <c r="D267" s="31"/>
      <c r="E267" s="31"/>
      <c r="F267" s="30"/>
      <c r="G267" s="30"/>
      <c r="H267" s="30"/>
      <c r="I267" s="30"/>
      <c r="J267" s="31"/>
      <c r="K267" s="31"/>
      <c r="L267" s="29"/>
      <c r="M267" s="29"/>
      <c r="N267" s="29"/>
      <c r="O267" s="29"/>
    </row>
    <row r="268" spans="1:15" ht="15.75" customHeight="1" x14ac:dyDescent="0.25">
      <c r="A268" s="30"/>
      <c r="B268" s="30"/>
      <c r="C268" s="31"/>
      <c r="D268" s="31"/>
      <c r="E268" s="31"/>
      <c r="F268" s="30"/>
      <c r="G268" s="30"/>
      <c r="H268" s="30"/>
      <c r="I268" s="30"/>
      <c r="J268" s="31"/>
      <c r="K268" s="31"/>
      <c r="L268" s="29"/>
      <c r="M268" s="29"/>
      <c r="N268" s="29"/>
      <c r="O268" s="29"/>
    </row>
    <row r="269" spans="1:15" ht="15.75" customHeight="1" x14ac:dyDescent="0.25">
      <c r="A269" s="30"/>
      <c r="B269" s="30"/>
      <c r="C269" s="31"/>
      <c r="D269" s="31"/>
      <c r="E269" s="31"/>
      <c r="F269" s="30"/>
      <c r="G269" s="30"/>
      <c r="H269" s="30"/>
      <c r="I269" s="30"/>
      <c r="J269" s="31"/>
      <c r="K269" s="31"/>
      <c r="L269" s="29"/>
      <c r="M269" s="29"/>
      <c r="N269" s="29"/>
      <c r="O269" s="29"/>
    </row>
    <row r="270" spans="1:15" ht="15.75" customHeight="1" x14ac:dyDescent="0.25">
      <c r="A270" s="30"/>
      <c r="B270" s="30"/>
      <c r="C270" s="31"/>
      <c r="D270" s="31"/>
      <c r="E270" s="31"/>
      <c r="F270" s="30"/>
      <c r="G270" s="30"/>
      <c r="H270" s="30"/>
      <c r="I270" s="30"/>
      <c r="J270" s="31"/>
      <c r="K270" s="31"/>
      <c r="L270" s="29"/>
      <c r="M270" s="29"/>
      <c r="N270" s="29"/>
      <c r="O270" s="29"/>
    </row>
    <row r="271" spans="1:15" ht="15.75" customHeight="1" x14ac:dyDescent="0.25">
      <c r="A271" s="30"/>
      <c r="B271" s="30"/>
      <c r="C271" s="31"/>
      <c r="D271" s="31"/>
      <c r="E271" s="31"/>
      <c r="F271" s="30"/>
      <c r="G271" s="30"/>
      <c r="H271" s="30"/>
      <c r="I271" s="30"/>
      <c r="J271" s="31"/>
      <c r="K271" s="31"/>
      <c r="L271" s="29"/>
      <c r="M271" s="29"/>
      <c r="N271" s="29"/>
      <c r="O271" s="29"/>
    </row>
    <row r="272" spans="1:15" ht="15.75" customHeight="1" x14ac:dyDescent="0.25">
      <c r="A272" s="30"/>
      <c r="B272" s="30"/>
      <c r="C272" s="31"/>
      <c r="D272" s="31"/>
      <c r="E272" s="31"/>
      <c r="F272" s="30"/>
      <c r="G272" s="30"/>
      <c r="H272" s="30"/>
      <c r="I272" s="30"/>
      <c r="J272" s="31"/>
      <c r="K272" s="31"/>
      <c r="L272" s="29"/>
      <c r="M272" s="29"/>
      <c r="N272" s="29"/>
      <c r="O272" s="29"/>
    </row>
    <row r="273" spans="1:15" ht="15.75" customHeight="1" x14ac:dyDescent="0.25">
      <c r="A273" s="30"/>
      <c r="B273" s="30"/>
      <c r="C273" s="31"/>
      <c r="D273" s="31"/>
      <c r="E273" s="31"/>
      <c r="F273" s="30"/>
      <c r="G273" s="30"/>
      <c r="H273" s="30"/>
      <c r="I273" s="30"/>
      <c r="J273" s="31"/>
      <c r="K273" s="31"/>
      <c r="L273" s="29"/>
      <c r="M273" s="29"/>
      <c r="N273" s="29"/>
      <c r="O273" s="29"/>
    </row>
    <row r="274" spans="1:15" ht="15.75" customHeight="1" x14ac:dyDescent="0.25">
      <c r="A274" s="30"/>
      <c r="B274" s="30"/>
      <c r="C274" s="31"/>
      <c r="D274" s="31"/>
      <c r="E274" s="31"/>
      <c r="F274" s="30"/>
      <c r="G274" s="30"/>
      <c r="H274" s="30"/>
      <c r="I274" s="30"/>
      <c r="J274" s="31"/>
      <c r="K274" s="31"/>
      <c r="L274" s="29"/>
      <c r="M274" s="29"/>
      <c r="N274" s="29"/>
      <c r="O274" s="29"/>
    </row>
    <row r="275" spans="1:15" ht="15.75" customHeight="1" x14ac:dyDescent="0.25">
      <c r="A275" s="30"/>
      <c r="B275" s="30"/>
      <c r="C275" s="31"/>
      <c r="D275" s="31"/>
      <c r="E275" s="31"/>
      <c r="F275" s="30"/>
      <c r="G275" s="30"/>
      <c r="H275" s="30"/>
      <c r="I275" s="30"/>
      <c r="J275" s="31"/>
      <c r="K275" s="31"/>
      <c r="L275" s="29"/>
      <c r="M275" s="29"/>
      <c r="N275" s="29"/>
      <c r="O275" s="29"/>
    </row>
    <row r="276" spans="1:15" ht="15.75" customHeight="1" x14ac:dyDescent="0.25">
      <c r="A276" s="30"/>
      <c r="B276" s="30"/>
      <c r="C276" s="31"/>
      <c r="D276" s="31"/>
      <c r="E276" s="31"/>
      <c r="F276" s="30"/>
      <c r="G276" s="30"/>
      <c r="H276" s="30"/>
      <c r="I276" s="30"/>
      <c r="J276" s="31"/>
      <c r="K276" s="31"/>
      <c r="L276" s="29"/>
      <c r="M276" s="29"/>
      <c r="N276" s="29"/>
      <c r="O276" s="29"/>
    </row>
    <row r="277" spans="1:15" ht="15.75" customHeight="1" x14ac:dyDescent="0.25">
      <c r="A277" s="30"/>
      <c r="B277" s="30"/>
      <c r="C277" s="31"/>
      <c r="D277" s="31"/>
      <c r="E277" s="31"/>
      <c r="F277" s="30"/>
      <c r="G277" s="30"/>
      <c r="H277" s="30"/>
      <c r="I277" s="30"/>
      <c r="J277" s="31"/>
      <c r="K277" s="31"/>
      <c r="L277" s="29"/>
      <c r="M277" s="29"/>
      <c r="N277" s="29"/>
      <c r="O277" s="29"/>
    </row>
    <row r="278" spans="1:15" ht="15.75" customHeight="1" x14ac:dyDescent="0.25">
      <c r="A278" s="30"/>
      <c r="B278" s="30"/>
      <c r="C278" s="31"/>
      <c r="D278" s="31"/>
      <c r="E278" s="31"/>
      <c r="F278" s="30"/>
      <c r="G278" s="30"/>
      <c r="H278" s="30"/>
      <c r="I278" s="30"/>
      <c r="J278" s="31"/>
      <c r="K278" s="31"/>
      <c r="L278" s="29"/>
      <c r="M278" s="29"/>
      <c r="N278" s="29"/>
      <c r="O278" s="29"/>
    </row>
    <row r="279" spans="1:15" ht="15.75" customHeight="1" x14ac:dyDescent="0.25">
      <c r="A279" s="30"/>
      <c r="B279" s="30"/>
      <c r="C279" s="31"/>
      <c r="D279" s="31"/>
      <c r="E279" s="31"/>
      <c r="F279" s="30"/>
      <c r="G279" s="30"/>
      <c r="H279" s="30"/>
      <c r="I279" s="30"/>
      <c r="J279" s="31"/>
      <c r="K279" s="31"/>
      <c r="L279" s="29"/>
      <c r="M279" s="29"/>
      <c r="N279" s="29"/>
      <c r="O279" s="29"/>
    </row>
    <row r="280" spans="1:15" ht="15.75" customHeight="1" x14ac:dyDescent="0.25">
      <c r="A280" s="30"/>
      <c r="B280" s="30"/>
      <c r="C280" s="31"/>
      <c r="D280" s="31"/>
      <c r="E280" s="31"/>
      <c r="F280" s="30"/>
      <c r="G280" s="30"/>
      <c r="H280" s="30"/>
      <c r="I280" s="30"/>
      <c r="J280" s="31"/>
      <c r="K280" s="31"/>
      <c r="L280" s="29"/>
      <c r="M280" s="29"/>
      <c r="N280" s="29"/>
      <c r="O280" s="29"/>
    </row>
    <row r="281" spans="1:15" ht="15.75" customHeight="1" x14ac:dyDescent="0.25">
      <c r="A281" s="30"/>
      <c r="B281" s="30"/>
      <c r="C281" s="31"/>
      <c r="D281" s="31"/>
      <c r="E281" s="31"/>
      <c r="F281" s="30"/>
      <c r="G281" s="30"/>
      <c r="H281" s="30"/>
      <c r="I281" s="30"/>
      <c r="J281" s="31"/>
      <c r="K281" s="31"/>
      <c r="L281" s="29"/>
      <c r="M281" s="29"/>
      <c r="N281" s="29"/>
      <c r="O281" s="29"/>
    </row>
    <row r="282" spans="1:15" ht="15.75" customHeight="1" x14ac:dyDescent="0.25">
      <c r="A282" s="30"/>
      <c r="B282" s="30"/>
      <c r="C282" s="31"/>
      <c r="D282" s="31"/>
      <c r="E282" s="31"/>
      <c r="F282" s="30"/>
      <c r="G282" s="30"/>
      <c r="H282" s="30"/>
      <c r="I282" s="30"/>
      <c r="J282" s="31"/>
      <c r="K282" s="31"/>
      <c r="L282" s="29"/>
      <c r="M282" s="29"/>
      <c r="N282" s="29"/>
      <c r="O282" s="29"/>
    </row>
    <row r="283" spans="1:15" ht="15.75" customHeight="1" x14ac:dyDescent="0.25">
      <c r="A283" s="30"/>
      <c r="B283" s="30"/>
      <c r="C283" s="31"/>
      <c r="D283" s="31"/>
      <c r="E283" s="31"/>
      <c r="F283" s="30"/>
      <c r="G283" s="30"/>
      <c r="H283" s="30"/>
      <c r="I283" s="30"/>
      <c r="J283" s="31"/>
      <c r="K283" s="31"/>
      <c r="L283" s="29"/>
      <c r="M283" s="29"/>
      <c r="N283" s="29"/>
      <c r="O283" s="29"/>
    </row>
    <row r="284" spans="1:15" ht="15.75" customHeight="1" x14ac:dyDescent="0.25">
      <c r="A284" s="30"/>
      <c r="B284" s="30"/>
      <c r="C284" s="31"/>
      <c r="D284" s="31"/>
      <c r="E284" s="31"/>
      <c r="F284" s="30"/>
      <c r="G284" s="30"/>
      <c r="H284" s="30"/>
      <c r="I284" s="30"/>
      <c r="J284" s="31"/>
      <c r="K284" s="31"/>
      <c r="L284" s="29"/>
      <c r="M284" s="29"/>
      <c r="N284" s="29"/>
      <c r="O284" s="29"/>
    </row>
    <row r="285" spans="1:15" ht="15.75" customHeight="1" x14ac:dyDescent="0.25">
      <c r="A285" s="30"/>
      <c r="B285" s="30"/>
      <c r="C285" s="31"/>
      <c r="D285" s="31"/>
      <c r="E285" s="31"/>
      <c r="F285" s="30"/>
      <c r="G285" s="30"/>
      <c r="H285" s="30"/>
      <c r="I285" s="30"/>
      <c r="J285" s="31"/>
      <c r="K285" s="31"/>
      <c r="L285" s="29"/>
      <c r="M285" s="29"/>
      <c r="N285" s="29"/>
      <c r="O285" s="29"/>
    </row>
    <row r="286" spans="1:15" ht="15.75" customHeight="1" x14ac:dyDescent="0.25">
      <c r="A286" s="30"/>
      <c r="B286" s="30"/>
      <c r="C286" s="31"/>
      <c r="D286" s="31"/>
      <c r="E286" s="31"/>
      <c r="F286" s="30"/>
      <c r="G286" s="30"/>
      <c r="H286" s="30"/>
      <c r="I286" s="30"/>
      <c r="J286" s="31"/>
      <c r="K286" s="31"/>
      <c r="L286" s="29"/>
      <c r="M286" s="29"/>
      <c r="N286" s="29"/>
      <c r="O286" s="29"/>
    </row>
    <row r="287" spans="1:15" ht="15.75" customHeight="1" x14ac:dyDescent="0.25">
      <c r="A287" s="30"/>
      <c r="B287" s="30"/>
      <c r="C287" s="31"/>
      <c r="D287" s="31"/>
      <c r="E287" s="31"/>
      <c r="F287" s="30"/>
      <c r="G287" s="30"/>
      <c r="H287" s="30"/>
      <c r="I287" s="30"/>
      <c r="J287" s="31"/>
      <c r="K287" s="31"/>
      <c r="L287" s="29"/>
      <c r="M287" s="29"/>
      <c r="N287" s="29"/>
      <c r="O287" s="29"/>
    </row>
    <row r="288" spans="1:15" ht="15.75" customHeight="1" x14ac:dyDescent="0.25">
      <c r="A288" s="30"/>
      <c r="B288" s="30"/>
      <c r="C288" s="31"/>
      <c r="D288" s="31"/>
      <c r="E288" s="31"/>
      <c r="F288" s="30"/>
      <c r="G288" s="30"/>
      <c r="H288" s="30"/>
      <c r="I288" s="30"/>
      <c r="J288" s="31"/>
      <c r="K288" s="31"/>
      <c r="L288" s="29"/>
      <c r="M288" s="29"/>
      <c r="N288" s="29"/>
      <c r="O288" s="29"/>
    </row>
    <row r="289" spans="1:15" ht="15.75" customHeight="1" x14ac:dyDescent="0.25">
      <c r="A289" s="30"/>
      <c r="B289" s="30"/>
      <c r="C289" s="31"/>
      <c r="D289" s="31"/>
      <c r="E289" s="31"/>
      <c r="F289" s="30"/>
      <c r="G289" s="30"/>
      <c r="H289" s="30"/>
      <c r="I289" s="30"/>
      <c r="J289" s="31"/>
      <c r="K289" s="31"/>
      <c r="L289" s="29"/>
      <c r="M289" s="29"/>
      <c r="N289" s="29"/>
      <c r="O289" s="29"/>
    </row>
    <row r="290" spans="1:15" ht="15.75" customHeight="1" x14ac:dyDescent="0.25">
      <c r="A290" s="30"/>
      <c r="B290" s="30"/>
      <c r="C290" s="31"/>
      <c r="D290" s="31"/>
      <c r="E290" s="31"/>
      <c r="F290" s="30"/>
      <c r="G290" s="30"/>
      <c r="H290" s="30"/>
      <c r="I290" s="30"/>
      <c r="J290" s="31"/>
      <c r="K290" s="31"/>
      <c r="L290" s="29"/>
      <c r="M290" s="29"/>
      <c r="N290" s="29"/>
      <c r="O290" s="29"/>
    </row>
    <row r="291" spans="1:15" ht="15.75" customHeight="1" x14ac:dyDescent="0.25">
      <c r="A291" s="30"/>
      <c r="B291" s="30"/>
      <c r="C291" s="31"/>
      <c r="D291" s="31"/>
      <c r="E291" s="31"/>
      <c r="F291" s="30"/>
      <c r="G291" s="30"/>
      <c r="H291" s="30"/>
      <c r="I291" s="30"/>
      <c r="J291" s="31"/>
      <c r="K291" s="31"/>
      <c r="L291" s="29"/>
      <c r="M291" s="29"/>
      <c r="N291" s="29"/>
      <c r="O291" s="29"/>
    </row>
    <row r="1047693" ht="12.75" customHeight="1" x14ac:dyDescent="0.25"/>
    <row r="1047694" ht="12.75" customHeight="1" x14ac:dyDescent="0.25"/>
    <row r="1047695" ht="12.75" customHeight="1" x14ac:dyDescent="0.25"/>
    <row r="1047696" ht="12.75" customHeight="1" x14ac:dyDescent="0.25"/>
    <row r="1047697" ht="12.75" customHeight="1" x14ac:dyDescent="0.25"/>
    <row r="1047698" ht="12.75" customHeight="1" x14ac:dyDescent="0.25"/>
    <row r="1047699" ht="12.75" customHeight="1" x14ac:dyDescent="0.25"/>
    <row r="1047700" ht="12.75" customHeight="1" x14ac:dyDescent="0.25"/>
    <row r="1047701" ht="12.75" customHeight="1" x14ac:dyDescent="0.25"/>
    <row r="1047702" ht="12.75" customHeight="1" x14ac:dyDescent="0.25"/>
    <row r="1047703" ht="12.75" customHeight="1" x14ac:dyDescent="0.25"/>
    <row r="1047704" ht="12.75" customHeight="1" x14ac:dyDescent="0.25"/>
    <row r="1047705" ht="12.75" customHeight="1" x14ac:dyDescent="0.25"/>
    <row r="1047706" ht="12.75" customHeight="1" x14ac:dyDescent="0.25"/>
    <row r="1047707" ht="12.75" customHeight="1" x14ac:dyDescent="0.25"/>
    <row r="1047708" ht="12.75" customHeight="1" x14ac:dyDescent="0.25"/>
    <row r="1047709" ht="12.75" customHeight="1" x14ac:dyDescent="0.25"/>
    <row r="1047710" ht="12.75" customHeight="1" x14ac:dyDescent="0.25"/>
    <row r="1047711" ht="12.75" customHeight="1" x14ac:dyDescent="0.25"/>
    <row r="1047712" ht="12.75" customHeight="1" x14ac:dyDescent="0.25"/>
    <row r="1047713" ht="12.75" customHeight="1" x14ac:dyDescent="0.25"/>
    <row r="1047714" ht="12.75" customHeight="1" x14ac:dyDescent="0.25"/>
    <row r="1047715" ht="12.75" customHeight="1" x14ac:dyDescent="0.25"/>
    <row r="1047716" ht="12.75" customHeight="1" x14ac:dyDescent="0.25"/>
    <row r="1047717" ht="12.75" customHeight="1" x14ac:dyDescent="0.25"/>
    <row r="1047718" ht="12.75" customHeight="1" x14ac:dyDescent="0.25"/>
    <row r="1047719" ht="12.75" customHeight="1" x14ac:dyDescent="0.25"/>
    <row r="1047720" ht="12.75" customHeight="1" x14ac:dyDescent="0.25"/>
    <row r="1047721" ht="12.75" customHeight="1" x14ac:dyDescent="0.25"/>
    <row r="1047722" ht="12.75" customHeight="1" x14ac:dyDescent="0.25"/>
    <row r="1047723" ht="12.75" customHeight="1" x14ac:dyDescent="0.25"/>
    <row r="1047724" ht="12.75" customHeight="1" x14ac:dyDescent="0.25"/>
    <row r="1047725" ht="12.75" customHeight="1" x14ac:dyDescent="0.25"/>
    <row r="1047726" ht="12.75" customHeight="1" x14ac:dyDescent="0.25"/>
    <row r="1047727" ht="12.75" customHeight="1" x14ac:dyDescent="0.25"/>
    <row r="1047728" ht="12.75" customHeight="1" x14ac:dyDescent="0.25"/>
    <row r="1047729" ht="12.75" customHeight="1" x14ac:dyDescent="0.25"/>
    <row r="1047730" ht="12.75" customHeight="1" x14ac:dyDescent="0.25"/>
    <row r="1047731" ht="12.75" customHeight="1" x14ac:dyDescent="0.25"/>
    <row r="1047732" ht="12.75" customHeight="1" x14ac:dyDescent="0.25"/>
  </sheetData>
  <mergeCells count="9">
    <mergeCell ref="A78:A80"/>
    <mergeCell ref="A61:B61"/>
    <mergeCell ref="D61:Q61"/>
    <mergeCell ref="A1:B1"/>
    <mergeCell ref="P1:Q1"/>
    <mergeCell ref="A7:K7"/>
    <mergeCell ref="A59:A60"/>
    <mergeCell ref="A63:A64"/>
    <mergeCell ref="A66:A67"/>
  </mergeCells>
  <phoneticPr fontId="35" type="noConversion"/>
  <printOptions horizontalCentered="1"/>
  <pageMargins left="0.19645669291338602" right="0.19645669291338602" top="0.52165354330708702" bottom="0.52165354330708702" header="0.19645669291338602" footer="0.19645669291338602"/>
  <pageSetup paperSize="9" scale="34" fitToWidth="0" fitToHeight="0" pageOrder="overThenDown" orientation="landscape" r:id="rId1"/>
  <headerFooter alignWithMargins="0">
    <oddHeader>&amp;C&amp;"Times New Roman1,Regular"&amp;12&amp;A</oddHeader>
    <oddFooter>&amp;C&amp;"Times New Roman1,Regular"&amp;12Stro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91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_cenow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Beata Dela</cp:lastModifiedBy>
  <cp:revision>18</cp:revision>
  <dcterms:created xsi:type="dcterms:W3CDTF">2019-07-16T13:10:10Z</dcterms:created>
  <dcterms:modified xsi:type="dcterms:W3CDTF">2020-04-22T06:35:1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r8>1907460889</vt:r8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